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6 松田町★　水道、簡水、下水道\"/>
    </mc:Choice>
  </mc:AlternateContent>
  <workbookProtection workbookAlgorithmName="SHA-512" workbookHashValue="+e3ASTcoaZhtqfDXNibcfHv033U9dIq2c8l2o7I87xsp2G87W53ClU30BuYvdw7ZuXCQNO6VG9jxvUR6qllVAg==" workbookSaltValue="XEkXnFvZxykNxX/6KXa8Uw==" workbookSpinCount="100000" lockStructure="1"/>
  <bookViews>
    <workbookView xWindow="0" yWindow="0" windowWidth="23040" windowHeight="8304"/>
  </bookViews>
  <sheets>
    <sheet name="法非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L86" i="4" s="1"/>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I86"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AT10" i="4" s="1"/>
  <c r="V6" i="5"/>
  <c r="U6" i="5"/>
  <c r="T6" i="5"/>
  <c r="AT8" i="4" s="1"/>
  <c r="S6" i="5"/>
  <c r="R6" i="5"/>
  <c r="Q6" i="5"/>
  <c r="P6" i="5"/>
  <c r="P10" i="4" s="1"/>
  <c r="O6" i="5"/>
  <c r="I10" i="4" s="1"/>
  <c r="N6" i="5"/>
  <c r="M6" i="5"/>
  <c r="L6" i="5"/>
  <c r="W8" i="4" s="1"/>
  <c r="K6" i="5"/>
  <c r="J6" i="5"/>
  <c r="I6" i="5"/>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K86" i="4"/>
  <c r="J86" i="4"/>
  <c r="H86" i="4"/>
  <c r="E86" i="4"/>
  <c r="AL10" i="4"/>
  <c r="AD10" i="4"/>
  <c r="W10" i="4"/>
  <c r="B10" i="4"/>
  <c r="BB8" i="4"/>
  <c r="AL8" i="4"/>
  <c r="AD8" i="4"/>
  <c r="P8" i="4"/>
  <c r="I8" i="4"/>
  <c r="B8" i="4"/>
</calcChain>
</file>

<file path=xl/sharedStrings.xml><?xml version="1.0" encoding="utf-8"?>
<sst xmlns="http://schemas.openxmlformats.org/spreadsheetml/2006/main" count="241" uniqueCount="121">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松田町</t>
  </si>
  <si>
    <t>法非適用</t>
  </si>
  <si>
    <t>下水道事業</t>
  </si>
  <si>
    <t>公共下水道</t>
  </si>
  <si>
    <t>Cc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R"dd</t>
    <phoneticPr fontId="4"/>
  </si>
  <si>
    <t>←書式設定</t>
    <rPh sb="1" eb="3">
      <t>ショシキ</t>
    </rPh>
    <rPh sb="3" eb="5">
      <t>セッテイ</t>
    </rPh>
    <phoneticPr fontId="4"/>
  </si>
  <si>
    <t>　公共下水道の整備状況は、昭和55年度に下水道法上の認可を受け、現在事業計画区域面積220.3ha、令和4年度末までの整備面積は197.7haとなっています。
　汚水処理原価は平均よりも低く、企業債残高対事業規模比率も平均より低く保たれており、現状は必要な維持管理と適正な投資規模であるといえます。
　また、平成29年度より料金改定を行い、経費の回収率も増加傾向にあります。しかしながら、年々有収水量は減少傾向にあり、その傾向は今後も続くことが予想されます。それに伴い水洗化率の向上や新規接続の推進、適正な料金改定を行い、安定的な経営を行う必要があります。</t>
    <rPh sb="1" eb="6">
      <t>コウキョウゲスイドウ</t>
    </rPh>
    <rPh sb="7" eb="11">
      <t>セイビジョウキョウ</t>
    </rPh>
    <rPh sb="13" eb="15">
      <t>ショウワ</t>
    </rPh>
    <rPh sb="17" eb="19">
      <t>ネンド</t>
    </rPh>
    <rPh sb="20" eb="23">
      <t>ゲスイドウ</t>
    </rPh>
    <rPh sb="23" eb="25">
      <t>ホウジョウ</t>
    </rPh>
    <rPh sb="26" eb="28">
      <t>ニンカ</t>
    </rPh>
    <rPh sb="29" eb="30">
      <t>ウ</t>
    </rPh>
    <rPh sb="32" eb="34">
      <t>ゲンザイ</t>
    </rPh>
    <rPh sb="34" eb="36">
      <t>ジギョウ</t>
    </rPh>
    <rPh sb="36" eb="38">
      <t>ケイカク</t>
    </rPh>
    <rPh sb="38" eb="42">
      <t>クイキメンセキ</t>
    </rPh>
    <rPh sb="50" eb="52">
      <t>レイワ</t>
    </rPh>
    <rPh sb="53" eb="55">
      <t>ネンド</t>
    </rPh>
    <rPh sb="55" eb="56">
      <t>マツ</t>
    </rPh>
    <rPh sb="59" eb="61">
      <t>セイビ</t>
    </rPh>
    <rPh sb="61" eb="63">
      <t>メンセキ</t>
    </rPh>
    <rPh sb="81" eb="85">
      <t>オスイショリ</t>
    </rPh>
    <rPh sb="85" eb="87">
      <t>ゲンカ</t>
    </rPh>
    <rPh sb="88" eb="90">
      <t>ヘイキン</t>
    </rPh>
    <rPh sb="93" eb="94">
      <t>ヒク</t>
    </rPh>
    <rPh sb="96" eb="101">
      <t>キギョウサイザンダカ</t>
    </rPh>
    <rPh sb="101" eb="102">
      <t>タイ</t>
    </rPh>
    <rPh sb="102" eb="104">
      <t>ジギョウ</t>
    </rPh>
    <rPh sb="104" eb="108">
      <t>キボヒリツ</t>
    </rPh>
    <rPh sb="109" eb="111">
      <t>ヘイキン</t>
    </rPh>
    <rPh sb="113" eb="114">
      <t>ヒク</t>
    </rPh>
    <rPh sb="115" eb="116">
      <t>タモ</t>
    </rPh>
    <rPh sb="122" eb="124">
      <t>ゲンジョウ</t>
    </rPh>
    <rPh sb="125" eb="127">
      <t>ヒツヨウ</t>
    </rPh>
    <rPh sb="128" eb="132">
      <t>イジカンリ</t>
    </rPh>
    <rPh sb="133" eb="135">
      <t>テキセイ</t>
    </rPh>
    <rPh sb="136" eb="140">
      <t>トウシキボ</t>
    </rPh>
    <rPh sb="154" eb="156">
      <t>ヘイセイ</t>
    </rPh>
    <rPh sb="158" eb="160">
      <t>ネンド</t>
    </rPh>
    <rPh sb="162" eb="164">
      <t>リョウキン</t>
    </rPh>
    <rPh sb="164" eb="166">
      <t>カイテイ</t>
    </rPh>
    <rPh sb="167" eb="168">
      <t>オコナ</t>
    </rPh>
    <rPh sb="170" eb="172">
      <t>ケイヒ</t>
    </rPh>
    <rPh sb="173" eb="176">
      <t>カイシュウリツ</t>
    </rPh>
    <rPh sb="177" eb="181">
      <t>ゾウカケイコウ</t>
    </rPh>
    <rPh sb="194" eb="196">
      <t>ネンネン</t>
    </rPh>
    <rPh sb="196" eb="200">
      <t>ユウシュウスイリョウ</t>
    </rPh>
    <rPh sb="201" eb="205">
      <t>ゲンショウケイコウ</t>
    </rPh>
    <rPh sb="211" eb="213">
      <t>ケイコウ</t>
    </rPh>
    <rPh sb="214" eb="216">
      <t>コンゴ</t>
    </rPh>
    <rPh sb="217" eb="218">
      <t>ツヅ</t>
    </rPh>
    <rPh sb="222" eb="224">
      <t>ヨソウ</t>
    </rPh>
    <rPh sb="232" eb="233">
      <t>トモナ</t>
    </rPh>
    <rPh sb="234" eb="238">
      <t>スイセンカリツ</t>
    </rPh>
    <rPh sb="239" eb="241">
      <t>コウジョウ</t>
    </rPh>
    <rPh sb="242" eb="246">
      <t>シンキセツゾク</t>
    </rPh>
    <rPh sb="247" eb="249">
      <t>スイシン</t>
    </rPh>
    <rPh sb="250" eb="252">
      <t>テキセイ</t>
    </rPh>
    <rPh sb="253" eb="257">
      <t>リョウキンカイテイ</t>
    </rPh>
    <rPh sb="258" eb="259">
      <t>オコナ</t>
    </rPh>
    <rPh sb="261" eb="264">
      <t>アンテイテキ</t>
    </rPh>
    <rPh sb="265" eb="267">
      <t>ケイエイ</t>
    </rPh>
    <rPh sb="268" eb="269">
      <t>オコナ</t>
    </rPh>
    <rPh sb="270" eb="272">
      <t>ヒツヨウ</t>
    </rPh>
    <phoneticPr fontId="4"/>
  </si>
  <si>
    <t>　平成24年度に20％、平成29年度に18％の下水道使用料の値上げを行い、経常的な収益は増加しましたが、平成初期に行った工事の企業債償還が一部残っており、それを補填する財源の確保に苦慮しています。また、管渠の改築更新の時期を迎えさらに資本費は増加することが予想されます。
　加えて流域下水道事業に関する費用も年々増加しており、安定的な経営を行うことが難しい状況です。今後も流域下水道に関する費用は増加するため、更なる料金改定も視野に入れた経営の見直しを行う必要があると考えます。</t>
    <rPh sb="1" eb="3">
      <t>ヘイセイ</t>
    </rPh>
    <rPh sb="5" eb="7">
      <t>ネンド</t>
    </rPh>
    <rPh sb="12" eb="14">
      <t>ヘイセイ</t>
    </rPh>
    <rPh sb="16" eb="18">
      <t>ネンド</t>
    </rPh>
    <rPh sb="23" eb="29">
      <t>ゲスイドウシヨウリョウ</t>
    </rPh>
    <rPh sb="30" eb="32">
      <t>ネア</t>
    </rPh>
    <rPh sb="34" eb="35">
      <t>オコナ</t>
    </rPh>
    <rPh sb="37" eb="40">
      <t>ケイジョウテキ</t>
    </rPh>
    <rPh sb="41" eb="43">
      <t>シュウエキ</t>
    </rPh>
    <rPh sb="44" eb="46">
      <t>ゾウカ</t>
    </rPh>
    <rPh sb="52" eb="54">
      <t>ヘイセイ</t>
    </rPh>
    <rPh sb="54" eb="56">
      <t>ショキ</t>
    </rPh>
    <rPh sb="57" eb="58">
      <t>オコナ</t>
    </rPh>
    <rPh sb="60" eb="62">
      <t>コウジ</t>
    </rPh>
    <rPh sb="63" eb="68">
      <t>キギョウサイショウカン</t>
    </rPh>
    <rPh sb="69" eb="71">
      <t>イチブ</t>
    </rPh>
    <rPh sb="71" eb="72">
      <t>ノコ</t>
    </rPh>
    <rPh sb="80" eb="82">
      <t>ホテン</t>
    </rPh>
    <rPh sb="84" eb="86">
      <t>ザイゲン</t>
    </rPh>
    <rPh sb="87" eb="89">
      <t>カクホ</t>
    </rPh>
    <rPh sb="90" eb="92">
      <t>クリョ</t>
    </rPh>
    <rPh sb="101" eb="103">
      <t>カンキョ</t>
    </rPh>
    <rPh sb="104" eb="108">
      <t>カイチクコウシン</t>
    </rPh>
    <rPh sb="109" eb="111">
      <t>ジキ</t>
    </rPh>
    <rPh sb="112" eb="113">
      <t>ムカ</t>
    </rPh>
    <rPh sb="117" eb="120">
      <t>シホンヒ</t>
    </rPh>
    <rPh sb="121" eb="123">
      <t>ゾウカ</t>
    </rPh>
    <rPh sb="128" eb="130">
      <t>ヨソウ</t>
    </rPh>
    <rPh sb="137" eb="138">
      <t>クワ</t>
    </rPh>
    <rPh sb="140" eb="147">
      <t>リュウイキゲスイドウジギョウ</t>
    </rPh>
    <rPh sb="148" eb="149">
      <t>カン</t>
    </rPh>
    <rPh sb="151" eb="153">
      <t>ヒヨウ</t>
    </rPh>
    <rPh sb="154" eb="156">
      <t>ネンネン</t>
    </rPh>
    <rPh sb="156" eb="158">
      <t>ゾウカ</t>
    </rPh>
    <rPh sb="163" eb="166">
      <t>アンテイテキ</t>
    </rPh>
    <rPh sb="167" eb="169">
      <t>ケイエイ</t>
    </rPh>
    <rPh sb="170" eb="171">
      <t>オコナ</t>
    </rPh>
    <rPh sb="175" eb="176">
      <t>ムズカ</t>
    </rPh>
    <rPh sb="178" eb="180">
      <t>ジョウキョウ</t>
    </rPh>
    <rPh sb="183" eb="185">
      <t>コンゴ</t>
    </rPh>
    <rPh sb="186" eb="191">
      <t>リュウイキゲスイドウ</t>
    </rPh>
    <rPh sb="192" eb="193">
      <t>カン</t>
    </rPh>
    <rPh sb="195" eb="197">
      <t>ヒヨウ</t>
    </rPh>
    <rPh sb="198" eb="200">
      <t>ゾウカ</t>
    </rPh>
    <rPh sb="205" eb="206">
      <t>サラ</t>
    </rPh>
    <rPh sb="208" eb="212">
      <t>リョウキンカイテイ</t>
    </rPh>
    <rPh sb="213" eb="215">
      <t>シヤ</t>
    </rPh>
    <rPh sb="216" eb="217">
      <t>イ</t>
    </rPh>
    <rPh sb="219" eb="221">
      <t>ケイエイ</t>
    </rPh>
    <rPh sb="222" eb="224">
      <t>ミナオ</t>
    </rPh>
    <rPh sb="226" eb="227">
      <t>オコナ</t>
    </rPh>
    <rPh sb="228" eb="230">
      <t>ヒツヨウ</t>
    </rPh>
    <rPh sb="234" eb="235">
      <t>カンガ</t>
    </rPh>
    <phoneticPr fontId="4"/>
  </si>
  <si>
    <t>　当町の下水道事業は供用開始から30年以上経過しており、管渠の更新時期が迫っています。
　管の老朽化度合いや優先度について、TVカメラ調査等の結果に基づき計画的に更新を実施します。</t>
    <rPh sb="1" eb="3">
      <t>トウチョウ</t>
    </rPh>
    <rPh sb="4" eb="7">
      <t>ゲスイドウ</t>
    </rPh>
    <rPh sb="7" eb="9">
      <t>ジギョウ</t>
    </rPh>
    <rPh sb="10" eb="14">
      <t>キョウヨウカイシ</t>
    </rPh>
    <rPh sb="18" eb="23">
      <t>ネンイジョウケイカ</t>
    </rPh>
    <rPh sb="28" eb="30">
      <t>カンキョ</t>
    </rPh>
    <rPh sb="31" eb="33">
      <t>コウシン</t>
    </rPh>
    <rPh sb="33" eb="35">
      <t>ジキ</t>
    </rPh>
    <rPh sb="36" eb="37">
      <t>セマ</t>
    </rPh>
    <rPh sb="45" eb="46">
      <t>カン</t>
    </rPh>
    <rPh sb="47" eb="52">
      <t>ロウキュウカドア</t>
    </rPh>
    <rPh sb="54" eb="57">
      <t>ユウセンド</t>
    </rPh>
    <rPh sb="67" eb="69">
      <t>チョウサ</t>
    </rPh>
    <rPh sb="69" eb="70">
      <t>トウ</t>
    </rPh>
    <rPh sb="71" eb="73">
      <t>ケッカ</t>
    </rPh>
    <rPh sb="74" eb="75">
      <t>モト</t>
    </rPh>
    <rPh sb="77" eb="79">
      <t>ケイカク</t>
    </rPh>
    <rPh sb="79" eb="80">
      <t>テキ</t>
    </rPh>
    <rPh sb="81" eb="83">
      <t>コウシン</t>
    </rPh>
    <rPh sb="84" eb="86">
      <t>ジッシ</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formatCode="#,##0.00;&quot;△&quot;#,##0.00;&quot;-&quot;">
                  <c:v>0.04</c:v>
                </c:pt>
                <c:pt idx="1">
                  <c:v>0</c:v>
                </c:pt>
                <c:pt idx="2">
                  <c:v>0</c:v>
                </c:pt>
                <c:pt idx="3">
                  <c:v>0</c:v>
                </c:pt>
                <c:pt idx="4">
                  <c:v>0</c:v>
                </c:pt>
              </c:numCache>
            </c:numRef>
          </c:val>
          <c:extLst>
            <c:ext xmlns:c16="http://schemas.microsoft.com/office/drawing/2014/chart" uri="{C3380CC4-5D6E-409C-BE32-E72D297353CC}">
              <c16:uniqueId val="{00000000-4D1B-406C-8AD9-46D2AEAB6CEB}"/>
            </c:ext>
          </c:extLst>
        </c:ser>
        <c:dLbls>
          <c:showLegendKey val="0"/>
          <c:showVal val="0"/>
          <c:showCatName val="0"/>
          <c:showSerName val="0"/>
          <c:showPercent val="0"/>
          <c:showBubbleSize val="0"/>
        </c:dLbls>
        <c:gapWidth val="150"/>
        <c:axId val="204790016"/>
        <c:axId val="20661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3</c:v>
                </c:pt>
                <c:pt idx="1">
                  <c:v>0.17</c:v>
                </c:pt>
                <c:pt idx="2">
                  <c:v>0.15</c:v>
                </c:pt>
                <c:pt idx="3">
                  <c:v>0.15</c:v>
                </c:pt>
                <c:pt idx="4">
                  <c:v>0.12</c:v>
                </c:pt>
              </c:numCache>
            </c:numRef>
          </c:val>
          <c:smooth val="0"/>
          <c:extLst>
            <c:ext xmlns:c16="http://schemas.microsoft.com/office/drawing/2014/chart" uri="{C3380CC4-5D6E-409C-BE32-E72D297353CC}">
              <c16:uniqueId val="{00000001-4D1B-406C-8AD9-46D2AEAB6CEB}"/>
            </c:ext>
          </c:extLst>
        </c:ser>
        <c:dLbls>
          <c:showLegendKey val="0"/>
          <c:showVal val="0"/>
          <c:showCatName val="0"/>
          <c:showSerName val="0"/>
          <c:showPercent val="0"/>
          <c:showBubbleSize val="0"/>
        </c:dLbls>
        <c:marker val="1"/>
        <c:smooth val="0"/>
        <c:axId val="204790016"/>
        <c:axId val="206619776"/>
      </c:lineChart>
      <c:dateAx>
        <c:axId val="204790016"/>
        <c:scaling>
          <c:orientation val="minMax"/>
        </c:scaling>
        <c:delete val="1"/>
        <c:axPos val="b"/>
        <c:numFmt formatCode="&quot;H&quot;yy" sourceLinked="1"/>
        <c:majorTickMark val="none"/>
        <c:minorTickMark val="none"/>
        <c:tickLblPos val="none"/>
        <c:crossAx val="206619776"/>
        <c:crosses val="autoZero"/>
        <c:auto val="1"/>
        <c:lblOffset val="100"/>
        <c:baseTimeUnit val="years"/>
      </c:dateAx>
      <c:valAx>
        <c:axId val="20661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4790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C286-48AC-A0E7-07C40A2BB536}"/>
            </c:ext>
          </c:extLst>
        </c:ser>
        <c:dLbls>
          <c:showLegendKey val="0"/>
          <c:showVal val="0"/>
          <c:showCatName val="0"/>
          <c:showSerName val="0"/>
          <c:showPercent val="0"/>
          <c:showBubbleSize val="0"/>
        </c:dLbls>
        <c:gapWidth val="150"/>
        <c:axId val="73398144"/>
        <c:axId val="139853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2.58</c:v>
                </c:pt>
                <c:pt idx="1">
                  <c:v>57.42</c:v>
                </c:pt>
                <c:pt idx="2">
                  <c:v>56.72</c:v>
                </c:pt>
                <c:pt idx="3">
                  <c:v>56.43</c:v>
                </c:pt>
                <c:pt idx="4">
                  <c:v>55.82</c:v>
                </c:pt>
              </c:numCache>
            </c:numRef>
          </c:val>
          <c:smooth val="0"/>
          <c:extLst>
            <c:ext xmlns:c16="http://schemas.microsoft.com/office/drawing/2014/chart" uri="{C3380CC4-5D6E-409C-BE32-E72D297353CC}">
              <c16:uniqueId val="{00000001-C286-48AC-A0E7-07C40A2BB536}"/>
            </c:ext>
          </c:extLst>
        </c:ser>
        <c:dLbls>
          <c:showLegendKey val="0"/>
          <c:showVal val="0"/>
          <c:showCatName val="0"/>
          <c:showSerName val="0"/>
          <c:showPercent val="0"/>
          <c:showBubbleSize val="0"/>
        </c:dLbls>
        <c:marker val="1"/>
        <c:smooth val="0"/>
        <c:axId val="73398144"/>
        <c:axId val="139853824"/>
      </c:lineChart>
      <c:dateAx>
        <c:axId val="73398144"/>
        <c:scaling>
          <c:orientation val="minMax"/>
        </c:scaling>
        <c:delete val="1"/>
        <c:axPos val="b"/>
        <c:numFmt formatCode="&quot;H&quot;yy" sourceLinked="1"/>
        <c:majorTickMark val="none"/>
        <c:minorTickMark val="none"/>
        <c:tickLblPos val="none"/>
        <c:crossAx val="139853824"/>
        <c:crosses val="autoZero"/>
        <c:auto val="1"/>
        <c:lblOffset val="100"/>
        <c:baseTimeUnit val="years"/>
      </c:dateAx>
      <c:valAx>
        <c:axId val="139853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8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8.11</c:v>
                </c:pt>
                <c:pt idx="1">
                  <c:v>99.1</c:v>
                </c:pt>
                <c:pt idx="2">
                  <c:v>96.86</c:v>
                </c:pt>
                <c:pt idx="3">
                  <c:v>96.93</c:v>
                </c:pt>
                <c:pt idx="4">
                  <c:v>97</c:v>
                </c:pt>
              </c:numCache>
            </c:numRef>
          </c:val>
          <c:extLst>
            <c:ext xmlns:c16="http://schemas.microsoft.com/office/drawing/2014/chart" uri="{C3380CC4-5D6E-409C-BE32-E72D297353CC}">
              <c16:uniqueId val="{00000000-C610-4E6B-A798-4B06CAD0077F}"/>
            </c:ext>
          </c:extLst>
        </c:ser>
        <c:dLbls>
          <c:showLegendKey val="0"/>
          <c:showVal val="0"/>
          <c:showCatName val="0"/>
          <c:showSerName val="0"/>
          <c:showPercent val="0"/>
          <c:showBubbleSize val="0"/>
        </c:dLbls>
        <c:gapWidth val="150"/>
        <c:axId val="139884032"/>
        <c:axId val="13988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3.02</c:v>
                </c:pt>
                <c:pt idx="1">
                  <c:v>90.42</c:v>
                </c:pt>
                <c:pt idx="2">
                  <c:v>90.72</c:v>
                </c:pt>
                <c:pt idx="3">
                  <c:v>91.07</c:v>
                </c:pt>
                <c:pt idx="4">
                  <c:v>90.67</c:v>
                </c:pt>
              </c:numCache>
            </c:numRef>
          </c:val>
          <c:smooth val="0"/>
          <c:extLst>
            <c:ext xmlns:c16="http://schemas.microsoft.com/office/drawing/2014/chart" uri="{C3380CC4-5D6E-409C-BE32-E72D297353CC}">
              <c16:uniqueId val="{00000001-C610-4E6B-A798-4B06CAD0077F}"/>
            </c:ext>
          </c:extLst>
        </c:ser>
        <c:dLbls>
          <c:showLegendKey val="0"/>
          <c:showVal val="0"/>
          <c:showCatName val="0"/>
          <c:showSerName val="0"/>
          <c:showPercent val="0"/>
          <c:showBubbleSize val="0"/>
        </c:dLbls>
        <c:marker val="1"/>
        <c:smooth val="0"/>
        <c:axId val="139884032"/>
        <c:axId val="139885952"/>
      </c:lineChart>
      <c:dateAx>
        <c:axId val="139884032"/>
        <c:scaling>
          <c:orientation val="minMax"/>
        </c:scaling>
        <c:delete val="1"/>
        <c:axPos val="b"/>
        <c:numFmt formatCode="&quot;H&quot;yy" sourceLinked="1"/>
        <c:majorTickMark val="none"/>
        <c:minorTickMark val="none"/>
        <c:tickLblPos val="none"/>
        <c:crossAx val="139885952"/>
        <c:crosses val="autoZero"/>
        <c:auto val="1"/>
        <c:lblOffset val="100"/>
        <c:baseTimeUnit val="years"/>
      </c:dateAx>
      <c:valAx>
        <c:axId val="139885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84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53.45</c:v>
                </c:pt>
                <c:pt idx="1">
                  <c:v>55.32</c:v>
                </c:pt>
                <c:pt idx="2">
                  <c:v>58.24</c:v>
                </c:pt>
                <c:pt idx="3">
                  <c:v>54.55</c:v>
                </c:pt>
                <c:pt idx="4">
                  <c:v>54.19</c:v>
                </c:pt>
              </c:numCache>
            </c:numRef>
          </c:val>
          <c:extLst>
            <c:ext xmlns:c16="http://schemas.microsoft.com/office/drawing/2014/chart" uri="{C3380CC4-5D6E-409C-BE32-E72D297353CC}">
              <c16:uniqueId val="{00000000-8AF5-48A0-B033-AA24DA03B10B}"/>
            </c:ext>
          </c:extLst>
        </c:ser>
        <c:dLbls>
          <c:showLegendKey val="0"/>
          <c:showVal val="0"/>
          <c:showCatName val="0"/>
          <c:showSerName val="0"/>
          <c:showPercent val="0"/>
          <c:showBubbleSize val="0"/>
        </c:dLbls>
        <c:gapWidth val="150"/>
        <c:axId val="214084992"/>
        <c:axId val="217040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8AF5-48A0-B033-AA24DA03B10B}"/>
            </c:ext>
          </c:extLst>
        </c:ser>
        <c:dLbls>
          <c:showLegendKey val="0"/>
          <c:showVal val="0"/>
          <c:showCatName val="0"/>
          <c:showSerName val="0"/>
          <c:showPercent val="0"/>
          <c:showBubbleSize val="0"/>
        </c:dLbls>
        <c:marker val="1"/>
        <c:smooth val="0"/>
        <c:axId val="214084992"/>
        <c:axId val="217040384"/>
      </c:lineChart>
      <c:dateAx>
        <c:axId val="214084992"/>
        <c:scaling>
          <c:orientation val="minMax"/>
        </c:scaling>
        <c:delete val="1"/>
        <c:axPos val="b"/>
        <c:numFmt formatCode="&quot;H&quot;yy" sourceLinked="1"/>
        <c:majorTickMark val="none"/>
        <c:minorTickMark val="none"/>
        <c:tickLblPos val="none"/>
        <c:crossAx val="217040384"/>
        <c:crosses val="autoZero"/>
        <c:auto val="1"/>
        <c:lblOffset val="100"/>
        <c:baseTimeUnit val="years"/>
      </c:dateAx>
      <c:valAx>
        <c:axId val="217040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4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0705-48E9-A6D3-4B6E503595D6}"/>
            </c:ext>
          </c:extLst>
        </c:ser>
        <c:dLbls>
          <c:showLegendKey val="0"/>
          <c:showVal val="0"/>
          <c:showCatName val="0"/>
          <c:showSerName val="0"/>
          <c:showPercent val="0"/>
          <c:showBubbleSize val="0"/>
        </c:dLbls>
        <c:gapWidth val="150"/>
        <c:axId val="217610112"/>
        <c:axId val="2182982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0705-48E9-A6D3-4B6E503595D6}"/>
            </c:ext>
          </c:extLst>
        </c:ser>
        <c:dLbls>
          <c:showLegendKey val="0"/>
          <c:showVal val="0"/>
          <c:showCatName val="0"/>
          <c:showSerName val="0"/>
          <c:showPercent val="0"/>
          <c:showBubbleSize val="0"/>
        </c:dLbls>
        <c:marker val="1"/>
        <c:smooth val="0"/>
        <c:axId val="217610112"/>
        <c:axId val="218298240"/>
      </c:lineChart>
      <c:dateAx>
        <c:axId val="217610112"/>
        <c:scaling>
          <c:orientation val="minMax"/>
        </c:scaling>
        <c:delete val="1"/>
        <c:axPos val="b"/>
        <c:numFmt formatCode="&quot;H&quot;yy" sourceLinked="1"/>
        <c:majorTickMark val="none"/>
        <c:minorTickMark val="none"/>
        <c:tickLblPos val="none"/>
        <c:crossAx val="218298240"/>
        <c:crosses val="autoZero"/>
        <c:auto val="1"/>
        <c:lblOffset val="100"/>
        <c:baseTimeUnit val="years"/>
      </c:dateAx>
      <c:valAx>
        <c:axId val="2182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4A3C-4072-905C-B526FB3EAF4F}"/>
            </c:ext>
          </c:extLst>
        </c:ser>
        <c:dLbls>
          <c:showLegendKey val="0"/>
          <c:showVal val="0"/>
          <c:showCatName val="0"/>
          <c:showSerName val="0"/>
          <c:showPercent val="0"/>
          <c:showBubbleSize val="0"/>
        </c:dLbls>
        <c:gapWidth val="150"/>
        <c:axId val="73212288"/>
        <c:axId val="73214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4A3C-4072-905C-B526FB3EAF4F}"/>
            </c:ext>
          </c:extLst>
        </c:ser>
        <c:dLbls>
          <c:showLegendKey val="0"/>
          <c:showVal val="0"/>
          <c:showCatName val="0"/>
          <c:showSerName val="0"/>
          <c:showPercent val="0"/>
          <c:showBubbleSize val="0"/>
        </c:dLbls>
        <c:marker val="1"/>
        <c:smooth val="0"/>
        <c:axId val="73212288"/>
        <c:axId val="73214208"/>
      </c:lineChart>
      <c:dateAx>
        <c:axId val="73212288"/>
        <c:scaling>
          <c:orientation val="minMax"/>
        </c:scaling>
        <c:delete val="1"/>
        <c:axPos val="b"/>
        <c:numFmt formatCode="&quot;H&quot;yy" sourceLinked="1"/>
        <c:majorTickMark val="none"/>
        <c:minorTickMark val="none"/>
        <c:tickLblPos val="none"/>
        <c:crossAx val="73214208"/>
        <c:crosses val="autoZero"/>
        <c:auto val="1"/>
        <c:lblOffset val="100"/>
        <c:baseTimeUnit val="years"/>
      </c:dateAx>
      <c:valAx>
        <c:axId val="73214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12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E1D7-4933-8529-E34EE87C36F9}"/>
            </c:ext>
          </c:extLst>
        </c:ser>
        <c:dLbls>
          <c:showLegendKey val="0"/>
          <c:showVal val="0"/>
          <c:showCatName val="0"/>
          <c:showSerName val="0"/>
          <c:showPercent val="0"/>
          <c:showBubbleSize val="0"/>
        </c:dLbls>
        <c:gapWidth val="150"/>
        <c:axId val="73228288"/>
        <c:axId val="73230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E1D7-4933-8529-E34EE87C36F9}"/>
            </c:ext>
          </c:extLst>
        </c:ser>
        <c:dLbls>
          <c:showLegendKey val="0"/>
          <c:showVal val="0"/>
          <c:showCatName val="0"/>
          <c:showSerName val="0"/>
          <c:showPercent val="0"/>
          <c:showBubbleSize val="0"/>
        </c:dLbls>
        <c:marker val="1"/>
        <c:smooth val="0"/>
        <c:axId val="73228288"/>
        <c:axId val="73230208"/>
      </c:lineChart>
      <c:dateAx>
        <c:axId val="73228288"/>
        <c:scaling>
          <c:orientation val="minMax"/>
        </c:scaling>
        <c:delete val="1"/>
        <c:axPos val="b"/>
        <c:numFmt formatCode="&quot;H&quot;yy" sourceLinked="1"/>
        <c:majorTickMark val="none"/>
        <c:minorTickMark val="none"/>
        <c:tickLblPos val="none"/>
        <c:crossAx val="73230208"/>
        <c:crosses val="autoZero"/>
        <c:auto val="1"/>
        <c:lblOffset val="100"/>
        <c:baseTimeUnit val="years"/>
      </c:dateAx>
      <c:valAx>
        <c:axId val="73230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9401-47A3-AE5C-7E920D4924C8}"/>
            </c:ext>
          </c:extLst>
        </c:ser>
        <c:dLbls>
          <c:showLegendKey val="0"/>
          <c:showVal val="0"/>
          <c:showCatName val="0"/>
          <c:showSerName val="0"/>
          <c:showPercent val="0"/>
          <c:showBubbleSize val="0"/>
        </c:dLbls>
        <c:gapWidth val="150"/>
        <c:axId val="73239936"/>
        <c:axId val="73250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9401-47A3-AE5C-7E920D4924C8}"/>
            </c:ext>
          </c:extLst>
        </c:ser>
        <c:dLbls>
          <c:showLegendKey val="0"/>
          <c:showVal val="0"/>
          <c:showCatName val="0"/>
          <c:showSerName val="0"/>
          <c:showPercent val="0"/>
          <c:showBubbleSize val="0"/>
        </c:dLbls>
        <c:marker val="1"/>
        <c:smooth val="0"/>
        <c:axId val="73239936"/>
        <c:axId val="73250304"/>
      </c:lineChart>
      <c:dateAx>
        <c:axId val="73239936"/>
        <c:scaling>
          <c:orientation val="minMax"/>
        </c:scaling>
        <c:delete val="1"/>
        <c:axPos val="b"/>
        <c:numFmt formatCode="&quot;H&quot;yy" sourceLinked="1"/>
        <c:majorTickMark val="none"/>
        <c:minorTickMark val="none"/>
        <c:tickLblPos val="none"/>
        <c:crossAx val="73250304"/>
        <c:crosses val="autoZero"/>
        <c:auto val="1"/>
        <c:lblOffset val="100"/>
        <c:baseTimeUnit val="years"/>
      </c:dateAx>
      <c:valAx>
        <c:axId val="7325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39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723.47</c:v>
                </c:pt>
                <c:pt idx="1">
                  <c:v>660.52</c:v>
                </c:pt>
                <c:pt idx="2">
                  <c:v>526.92999999999995</c:v>
                </c:pt>
                <c:pt idx="3">
                  <c:v>458.42</c:v>
                </c:pt>
                <c:pt idx="4">
                  <c:v>377.25</c:v>
                </c:pt>
              </c:numCache>
            </c:numRef>
          </c:val>
          <c:extLst>
            <c:ext xmlns:c16="http://schemas.microsoft.com/office/drawing/2014/chart" uri="{C3380CC4-5D6E-409C-BE32-E72D297353CC}">
              <c16:uniqueId val="{00000000-D117-4289-B0F3-9180F79DC3A6}"/>
            </c:ext>
          </c:extLst>
        </c:ser>
        <c:dLbls>
          <c:showLegendKey val="0"/>
          <c:showVal val="0"/>
          <c:showCatName val="0"/>
          <c:showSerName val="0"/>
          <c:showPercent val="0"/>
          <c:showBubbleSize val="0"/>
        </c:dLbls>
        <c:gapWidth val="150"/>
        <c:axId val="73337856"/>
        <c:axId val="73340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958.81</c:v>
                </c:pt>
                <c:pt idx="1">
                  <c:v>789.44</c:v>
                </c:pt>
                <c:pt idx="2">
                  <c:v>789.08</c:v>
                </c:pt>
                <c:pt idx="3">
                  <c:v>747.84</c:v>
                </c:pt>
                <c:pt idx="4">
                  <c:v>804.98</c:v>
                </c:pt>
              </c:numCache>
            </c:numRef>
          </c:val>
          <c:smooth val="0"/>
          <c:extLst>
            <c:ext xmlns:c16="http://schemas.microsoft.com/office/drawing/2014/chart" uri="{C3380CC4-5D6E-409C-BE32-E72D297353CC}">
              <c16:uniqueId val="{00000001-D117-4289-B0F3-9180F79DC3A6}"/>
            </c:ext>
          </c:extLst>
        </c:ser>
        <c:dLbls>
          <c:showLegendKey val="0"/>
          <c:showVal val="0"/>
          <c:showCatName val="0"/>
          <c:showSerName val="0"/>
          <c:showPercent val="0"/>
          <c:showBubbleSize val="0"/>
        </c:dLbls>
        <c:marker val="1"/>
        <c:smooth val="0"/>
        <c:axId val="73337856"/>
        <c:axId val="73340032"/>
      </c:lineChart>
      <c:dateAx>
        <c:axId val="73337856"/>
        <c:scaling>
          <c:orientation val="minMax"/>
        </c:scaling>
        <c:delete val="1"/>
        <c:axPos val="b"/>
        <c:numFmt formatCode="&quot;H&quot;yy" sourceLinked="1"/>
        <c:majorTickMark val="none"/>
        <c:minorTickMark val="none"/>
        <c:tickLblPos val="none"/>
        <c:crossAx val="73340032"/>
        <c:crosses val="autoZero"/>
        <c:auto val="1"/>
        <c:lblOffset val="100"/>
        <c:baseTimeUnit val="years"/>
      </c:dateAx>
      <c:valAx>
        <c:axId val="73340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82.53</c:v>
                </c:pt>
                <c:pt idx="1">
                  <c:v>81.83</c:v>
                </c:pt>
                <c:pt idx="2">
                  <c:v>85.32</c:v>
                </c:pt>
                <c:pt idx="3">
                  <c:v>92.22</c:v>
                </c:pt>
                <c:pt idx="4">
                  <c:v>110.74</c:v>
                </c:pt>
              </c:numCache>
            </c:numRef>
          </c:val>
          <c:extLst>
            <c:ext xmlns:c16="http://schemas.microsoft.com/office/drawing/2014/chart" uri="{C3380CC4-5D6E-409C-BE32-E72D297353CC}">
              <c16:uniqueId val="{00000000-C19A-49E5-9D22-0AF485281378}"/>
            </c:ext>
          </c:extLst>
        </c:ser>
        <c:dLbls>
          <c:showLegendKey val="0"/>
          <c:showVal val="0"/>
          <c:showCatName val="0"/>
          <c:showSerName val="0"/>
          <c:showPercent val="0"/>
          <c:showBubbleSize val="0"/>
        </c:dLbls>
        <c:gapWidth val="150"/>
        <c:axId val="73353856"/>
        <c:axId val="73360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2.88</c:v>
                </c:pt>
                <c:pt idx="1">
                  <c:v>87.29</c:v>
                </c:pt>
                <c:pt idx="2">
                  <c:v>88.25</c:v>
                </c:pt>
                <c:pt idx="3">
                  <c:v>90.17</c:v>
                </c:pt>
                <c:pt idx="4">
                  <c:v>88.71</c:v>
                </c:pt>
              </c:numCache>
            </c:numRef>
          </c:val>
          <c:smooth val="0"/>
          <c:extLst>
            <c:ext xmlns:c16="http://schemas.microsoft.com/office/drawing/2014/chart" uri="{C3380CC4-5D6E-409C-BE32-E72D297353CC}">
              <c16:uniqueId val="{00000001-C19A-49E5-9D22-0AF485281378}"/>
            </c:ext>
          </c:extLst>
        </c:ser>
        <c:dLbls>
          <c:showLegendKey val="0"/>
          <c:showVal val="0"/>
          <c:showCatName val="0"/>
          <c:showSerName val="0"/>
          <c:showPercent val="0"/>
          <c:showBubbleSize val="0"/>
        </c:dLbls>
        <c:marker val="1"/>
        <c:smooth val="0"/>
        <c:axId val="73353856"/>
        <c:axId val="73360128"/>
      </c:lineChart>
      <c:dateAx>
        <c:axId val="73353856"/>
        <c:scaling>
          <c:orientation val="minMax"/>
        </c:scaling>
        <c:delete val="1"/>
        <c:axPos val="b"/>
        <c:numFmt formatCode="&quot;H&quot;yy" sourceLinked="1"/>
        <c:majorTickMark val="none"/>
        <c:minorTickMark val="none"/>
        <c:tickLblPos val="none"/>
        <c:crossAx val="73360128"/>
        <c:crosses val="autoZero"/>
        <c:auto val="1"/>
        <c:lblOffset val="100"/>
        <c:baseTimeUnit val="years"/>
      </c:dateAx>
      <c:valAx>
        <c:axId val="73360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53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47.27000000000001</c:v>
                </c:pt>
                <c:pt idx="1">
                  <c:v>150.16</c:v>
                </c:pt>
                <c:pt idx="2">
                  <c:v>143.91999999999999</c:v>
                </c:pt>
                <c:pt idx="3">
                  <c:v>132.9</c:v>
                </c:pt>
                <c:pt idx="4">
                  <c:v>113.83</c:v>
                </c:pt>
              </c:numCache>
            </c:numRef>
          </c:val>
          <c:extLst>
            <c:ext xmlns:c16="http://schemas.microsoft.com/office/drawing/2014/chart" uri="{C3380CC4-5D6E-409C-BE32-E72D297353CC}">
              <c16:uniqueId val="{00000000-98A7-4B86-A874-F14BAE1E8E82}"/>
            </c:ext>
          </c:extLst>
        </c:ser>
        <c:dLbls>
          <c:showLegendKey val="0"/>
          <c:showVal val="0"/>
          <c:showCatName val="0"/>
          <c:showSerName val="0"/>
          <c:showPercent val="0"/>
          <c:showBubbleSize val="0"/>
        </c:dLbls>
        <c:gapWidth val="150"/>
        <c:axId val="73369856"/>
        <c:axId val="73372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90.99</c:v>
                </c:pt>
                <c:pt idx="1">
                  <c:v>176.67</c:v>
                </c:pt>
                <c:pt idx="2">
                  <c:v>176.37</c:v>
                </c:pt>
                <c:pt idx="3">
                  <c:v>173.17</c:v>
                </c:pt>
                <c:pt idx="4">
                  <c:v>174.8</c:v>
                </c:pt>
              </c:numCache>
            </c:numRef>
          </c:val>
          <c:smooth val="0"/>
          <c:extLst>
            <c:ext xmlns:c16="http://schemas.microsoft.com/office/drawing/2014/chart" uri="{C3380CC4-5D6E-409C-BE32-E72D297353CC}">
              <c16:uniqueId val="{00000001-98A7-4B86-A874-F14BAE1E8E82}"/>
            </c:ext>
          </c:extLst>
        </c:ser>
        <c:dLbls>
          <c:showLegendKey val="0"/>
          <c:showVal val="0"/>
          <c:showCatName val="0"/>
          <c:showSerName val="0"/>
          <c:showPercent val="0"/>
          <c:showBubbleSize val="0"/>
        </c:dLbls>
        <c:marker val="1"/>
        <c:smooth val="0"/>
        <c:axId val="73369856"/>
        <c:axId val="73372032"/>
      </c:lineChart>
      <c:dateAx>
        <c:axId val="73369856"/>
        <c:scaling>
          <c:orientation val="minMax"/>
        </c:scaling>
        <c:delete val="1"/>
        <c:axPos val="b"/>
        <c:numFmt formatCode="&quot;H&quot;yy" sourceLinked="1"/>
        <c:majorTickMark val="none"/>
        <c:minorTickMark val="none"/>
        <c:tickLblPos val="none"/>
        <c:crossAx val="73372032"/>
        <c:crosses val="autoZero"/>
        <c:auto val="1"/>
        <c:lblOffset val="100"/>
        <c:baseTimeUnit val="years"/>
      </c:dateAx>
      <c:valAx>
        <c:axId val="73372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9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topLeftCell="A37" zoomScale="50" zoomScaleNormal="50"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松田町</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7"/>
      <c r="D7" s="47"/>
      <c r="E7" s="47"/>
      <c r="F7" s="47"/>
      <c r="G7" s="47"/>
      <c r="H7" s="47"/>
      <c r="I7" s="47" t="s">
        <v>2</v>
      </c>
      <c r="J7" s="47"/>
      <c r="K7" s="47"/>
      <c r="L7" s="47"/>
      <c r="M7" s="47"/>
      <c r="N7" s="47"/>
      <c r="O7" s="47"/>
      <c r="P7" s="47" t="s">
        <v>3</v>
      </c>
      <c r="Q7" s="47"/>
      <c r="R7" s="47"/>
      <c r="S7" s="47"/>
      <c r="T7" s="47"/>
      <c r="U7" s="47"/>
      <c r="V7" s="47"/>
      <c r="W7" s="47" t="s">
        <v>4</v>
      </c>
      <c r="X7" s="47"/>
      <c r="Y7" s="47"/>
      <c r="Z7" s="47"/>
      <c r="AA7" s="47"/>
      <c r="AB7" s="47"/>
      <c r="AC7" s="47"/>
      <c r="AD7" s="47" t="s">
        <v>5</v>
      </c>
      <c r="AE7" s="47"/>
      <c r="AF7" s="47"/>
      <c r="AG7" s="47"/>
      <c r="AH7" s="47"/>
      <c r="AI7" s="47"/>
      <c r="AJ7" s="47"/>
      <c r="AK7" s="3"/>
      <c r="AL7" s="47" t="s">
        <v>6</v>
      </c>
      <c r="AM7" s="47"/>
      <c r="AN7" s="47"/>
      <c r="AO7" s="47"/>
      <c r="AP7" s="47"/>
      <c r="AQ7" s="47"/>
      <c r="AR7" s="47"/>
      <c r="AS7" s="47"/>
      <c r="AT7" s="47" t="s">
        <v>7</v>
      </c>
      <c r="AU7" s="47"/>
      <c r="AV7" s="47"/>
      <c r="AW7" s="47"/>
      <c r="AX7" s="47"/>
      <c r="AY7" s="47"/>
      <c r="AZ7" s="47"/>
      <c r="BA7" s="47"/>
      <c r="BB7" s="47" t="s">
        <v>8</v>
      </c>
      <c r="BC7" s="47"/>
      <c r="BD7" s="47"/>
      <c r="BE7" s="47"/>
      <c r="BF7" s="47"/>
      <c r="BG7" s="47"/>
      <c r="BH7" s="47"/>
      <c r="BI7" s="47"/>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非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Cc1</v>
      </c>
      <c r="X8" s="65"/>
      <c r="Y8" s="65"/>
      <c r="Z8" s="65"/>
      <c r="AA8" s="65"/>
      <c r="AB8" s="65"/>
      <c r="AC8" s="65"/>
      <c r="AD8" s="66" t="str">
        <f>データ!$M$6</f>
        <v>非設置</v>
      </c>
      <c r="AE8" s="66"/>
      <c r="AF8" s="66"/>
      <c r="AG8" s="66"/>
      <c r="AH8" s="66"/>
      <c r="AI8" s="66"/>
      <c r="AJ8" s="66"/>
      <c r="AK8" s="3"/>
      <c r="AL8" s="46">
        <f>データ!S6</f>
        <v>10616</v>
      </c>
      <c r="AM8" s="46"/>
      <c r="AN8" s="46"/>
      <c r="AO8" s="46"/>
      <c r="AP8" s="46"/>
      <c r="AQ8" s="46"/>
      <c r="AR8" s="46"/>
      <c r="AS8" s="46"/>
      <c r="AT8" s="45">
        <f>データ!T6</f>
        <v>37.75</v>
      </c>
      <c r="AU8" s="45"/>
      <c r="AV8" s="45"/>
      <c r="AW8" s="45"/>
      <c r="AX8" s="45"/>
      <c r="AY8" s="45"/>
      <c r="AZ8" s="45"/>
      <c r="BA8" s="45"/>
      <c r="BB8" s="45">
        <f>データ!U6</f>
        <v>281.22000000000003</v>
      </c>
      <c r="BC8" s="45"/>
      <c r="BD8" s="45"/>
      <c r="BE8" s="45"/>
      <c r="BF8" s="45"/>
      <c r="BG8" s="45"/>
      <c r="BH8" s="45"/>
      <c r="BI8" s="45"/>
      <c r="BJ8" s="3"/>
      <c r="BK8" s="3"/>
      <c r="BL8" s="61" t="s">
        <v>10</v>
      </c>
      <c r="BM8" s="62"/>
      <c r="BN8" s="63" t="s">
        <v>11</v>
      </c>
      <c r="BO8" s="63"/>
      <c r="BP8" s="63"/>
      <c r="BQ8" s="63"/>
      <c r="BR8" s="63"/>
      <c r="BS8" s="63"/>
      <c r="BT8" s="63"/>
      <c r="BU8" s="63"/>
      <c r="BV8" s="63"/>
      <c r="BW8" s="63"/>
      <c r="BX8" s="63"/>
      <c r="BY8" s="64"/>
    </row>
    <row r="9" spans="1:78" ht="18.75" customHeight="1" x14ac:dyDescent="0.2">
      <c r="A9" s="2"/>
      <c r="B9" s="47" t="s">
        <v>12</v>
      </c>
      <c r="C9" s="47"/>
      <c r="D9" s="47"/>
      <c r="E9" s="47"/>
      <c r="F9" s="47"/>
      <c r="G9" s="47"/>
      <c r="H9" s="47"/>
      <c r="I9" s="47" t="s">
        <v>13</v>
      </c>
      <c r="J9" s="47"/>
      <c r="K9" s="47"/>
      <c r="L9" s="47"/>
      <c r="M9" s="47"/>
      <c r="N9" s="47"/>
      <c r="O9" s="47"/>
      <c r="P9" s="47" t="s">
        <v>14</v>
      </c>
      <c r="Q9" s="47"/>
      <c r="R9" s="47"/>
      <c r="S9" s="47"/>
      <c r="T9" s="47"/>
      <c r="U9" s="47"/>
      <c r="V9" s="47"/>
      <c r="W9" s="47" t="s">
        <v>15</v>
      </c>
      <c r="X9" s="47"/>
      <c r="Y9" s="47"/>
      <c r="Z9" s="47"/>
      <c r="AA9" s="47"/>
      <c r="AB9" s="47"/>
      <c r="AC9" s="47"/>
      <c r="AD9" s="47" t="s">
        <v>16</v>
      </c>
      <c r="AE9" s="47"/>
      <c r="AF9" s="47"/>
      <c r="AG9" s="47"/>
      <c r="AH9" s="47"/>
      <c r="AI9" s="47"/>
      <c r="AJ9" s="47"/>
      <c r="AK9" s="3"/>
      <c r="AL9" s="47" t="s">
        <v>17</v>
      </c>
      <c r="AM9" s="47"/>
      <c r="AN9" s="47"/>
      <c r="AO9" s="47"/>
      <c r="AP9" s="47"/>
      <c r="AQ9" s="47"/>
      <c r="AR9" s="47"/>
      <c r="AS9" s="47"/>
      <c r="AT9" s="47" t="s">
        <v>18</v>
      </c>
      <c r="AU9" s="47"/>
      <c r="AV9" s="47"/>
      <c r="AW9" s="47"/>
      <c r="AX9" s="47"/>
      <c r="AY9" s="47"/>
      <c r="AZ9" s="47"/>
      <c r="BA9" s="47"/>
      <c r="BB9" s="47" t="s">
        <v>19</v>
      </c>
      <c r="BC9" s="47"/>
      <c r="BD9" s="47"/>
      <c r="BE9" s="47"/>
      <c r="BF9" s="47"/>
      <c r="BG9" s="47"/>
      <c r="BH9" s="47"/>
      <c r="BI9" s="47"/>
      <c r="BJ9" s="3"/>
      <c r="BK9" s="3"/>
      <c r="BL9" s="48" t="s">
        <v>20</v>
      </c>
      <c r="BM9" s="49"/>
      <c r="BN9" s="50" t="s">
        <v>21</v>
      </c>
      <c r="BO9" s="50"/>
      <c r="BP9" s="50"/>
      <c r="BQ9" s="50"/>
      <c r="BR9" s="50"/>
      <c r="BS9" s="50"/>
      <c r="BT9" s="50"/>
      <c r="BU9" s="50"/>
      <c r="BV9" s="50"/>
      <c r="BW9" s="50"/>
      <c r="BX9" s="50"/>
      <c r="BY9" s="51"/>
    </row>
    <row r="10" spans="1:78" ht="18.75" customHeight="1" x14ac:dyDescent="0.2">
      <c r="A10" s="2"/>
      <c r="B10" s="45" t="str">
        <f>データ!N6</f>
        <v>-</v>
      </c>
      <c r="C10" s="45"/>
      <c r="D10" s="45"/>
      <c r="E10" s="45"/>
      <c r="F10" s="45"/>
      <c r="G10" s="45"/>
      <c r="H10" s="45"/>
      <c r="I10" s="45" t="str">
        <f>データ!O6</f>
        <v>該当数値なし</v>
      </c>
      <c r="J10" s="45"/>
      <c r="K10" s="45"/>
      <c r="L10" s="45"/>
      <c r="M10" s="45"/>
      <c r="N10" s="45"/>
      <c r="O10" s="45"/>
      <c r="P10" s="45">
        <f>データ!P6</f>
        <v>85.93</v>
      </c>
      <c r="Q10" s="45"/>
      <c r="R10" s="45"/>
      <c r="S10" s="45"/>
      <c r="T10" s="45"/>
      <c r="U10" s="45"/>
      <c r="V10" s="45"/>
      <c r="W10" s="45">
        <f>データ!Q6</f>
        <v>88.21</v>
      </c>
      <c r="X10" s="45"/>
      <c r="Y10" s="45"/>
      <c r="Z10" s="45"/>
      <c r="AA10" s="45"/>
      <c r="AB10" s="45"/>
      <c r="AC10" s="45"/>
      <c r="AD10" s="46">
        <f>データ!R6</f>
        <v>1723</v>
      </c>
      <c r="AE10" s="46"/>
      <c r="AF10" s="46"/>
      <c r="AG10" s="46"/>
      <c r="AH10" s="46"/>
      <c r="AI10" s="46"/>
      <c r="AJ10" s="46"/>
      <c r="AK10" s="2"/>
      <c r="AL10" s="46">
        <f>データ!V6</f>
        <v>9089</v>
      </c>
      <c r="AM10" s="46"/>
      <c r="AN10" s="46"/>
      <c r="AO10" s="46"/>
      <c r="AP10" s="46"/>
      <c r="AQ10" s="46"/>
      <c r="AR10" s="46"/>
      <c r="AS10" s="46"/>
      <c r="AT10" s="45">
        <f>データ!W6</f>
        <v>1.98</v>
      </c>
      <c r="AU10" s="45"/>
      <c r="AV10" s="45"/>
      <c r="AW10" s="45"/>
      <c r="AX10" s="45"/>
      <c r="AY10" s="45"/>
      <c r="AZ10" s="45"/>
      <c r="BA10" s="45"/>
      <c r="BB10" s="45">
        <f>データ!X6</f>
        <v>4590.3999999999996</v>
      </c>
      <c r="BC10" s="45"/>
      <c r="BD10" s="45"/>
      <c r="BE10" s="45"/>
      <c r="BF10" s="45"/>
      <c r="BG10" s="45"/>
      <c r="BH10" s="45"/>
      <c r="BI10" s="45"/>
      <c r="BJ10" s="2"/>
      <c r="BK10" s="2"/>
      <c r="BL10" s="52" t="s">
        <v>22</v>
      </c>
      <c r="BM10" s="53"/>
      <c r="BN10" s="54" t="s">
        <v>23</v>
      </c>
      <c r="BO10" s="54"/>
      <c r="BP10" s="54"/>
      <c r="BQ10" s="54"/>
      <c r="BR10" s="54"/>
      <c r="BS10" s="54"/>
      <c r="BT10" s="54"/>
      <c r="BU10" s="54"/>
      <c r="BV10" s="54"/>
      <c r="BW10" s="54"/>
      <c r="BX10" s="54"/>
      <c r="BY10" s="5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8</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20</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9</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x14ac:dyDescent="0.2">
      <c r="C84" s="2"/>
    </row>
    <row r="85" spans="1:78" hidden="1" x14ac:dyDescent="0.2">
      <c r="B85" s="12" t="s">
        <v>31</v>
      </c>
      <c r="C85" s="12"/>
      <c r="D85" s="12"/>
      <c r="E85" s="12" t="s">
        <v>32</v>
      </c>
      <c r="F85" s="12" t="s">
        <v>33</v>
      </c>
      <c r="G85" s="12" t="s">
        <v>34</v>
      </c>
      <c r="H85" s="12" t="s">
        <v>35</v>
      </c>
      <c r="I85" s="12" t="s">
        <v>36</v>
      </c>
      <c r="J85" s="12" t="s">
        <v>37</v>
      </c>
      <c r="K85" s="12" t="s">
        <v>38</v>
      </c>
      <c r="L85" s="12" t="s">
        <v>39</v>
      </c>
      <c r="M85" s="12" t="s">
        <v>40</v>
      </c>
      <c r="N85" s="12" t="s">
        <v>41</v>
      </c>
      <c r="O85" s="12" t="s">
        <v>42</v>
      </c>
    </row>
    <row r="86" spans="1:78" hidden="1" x14ac:dyDescent="0.2">
      <c r="B86" s="12"/>
      <c r="C86" s="12"/>
      <c r="D86" s="12"/>
      <c r="E86" s="12" t="str">
        <f>データ!AI6</f>
        <v/>
      </c>
      <c r="F86" s="12" t="s">
        <v>43</v>
      </c>
      <c r="G86" s="12" t="s">
        <v>44</v>
      </c>
      <c r="H86" s="12" t="str">
        <f>データ!BP6</f>
        <v>【652.82】</v>
      </c>
      <c r="I86" s="12" t="str">
        <f>データ!CA6</f>
        <v>【97.61】</v>
      </c>
      <c r="J86" s="12" t="str">
        <f>データ!CL6</f>
        <v>【138.29】</v>
      </c>
      <c r="K86" s="12" t="str">
        <f>データ!CW6</f>
        <v>【59.10】</v>
      </c>
      <c r="L86" s="12" t="str">
        <f>データ!DH6</f>
        <v>【95.82】</v>
      </c>
      <c r="M86" s="12" t="s">
        <v>43</v>
      </c>
      <c r="N86" s="12" t="s">
        <v>44</v>
      </c>
      <c r="O86" s="12" t="str">
        <f>データ!EO6</f>
        <v>【0.23】</v>
      </c>
    </row>
  </sheetData>
  <sheetProtection algorithmName="SHA-512" hashValue="I/ghiPZPDOIdWdiRBt5K7bPRDoYdbUo1S+hnKIEa+LFaWvwb3DB+AV/kaQyY41CHMOU0OEpwOzj7S2zkUY4yJA==" saltValue="dlmgMNcHnR5r+eziX3AHdQ=="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I9:O9"/>
    <mergeCell ref="P9:V9"/>
    <mergeCell ref="W9:AC9"/>
    <mergeCell ref="AD9:AJ9"/>
    <mergeCell ref="AL8:AS8"/>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B10:H10"/>
    <mergeCell ref="I10:O10"/>
    <mergeCell ref="P10:V10"/>
    <mergeCell ref="W10:AC10"/>
    <mergeCell ref="AD10:AJ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3"/>
  <sheetViews>
    <sheetView showGridLines="0" workbookViewId="0"/>
  </sheetViews>
  <sheetFormatPr defaultRowHeight="13.2" x14ac:dyDescent="0.2"/>
  <cols>
    <col min="2" max="144" width="11.88671875" customWidth="1"/>
  </cols>
  <sheetData>
    <row r="1" spans="1:145" x14ac:dyDescent="0.2">
      <c r="A1" t="s">
        <v>45</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5" x14ac:dyDescent="0.2">
      <c r="A2" s="14" t="s">
        <v>46</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5" x14ac:dyDescent="0.2">
      <c r="A3" s="14" t="s">
        <v>47</v>
      </c>
      <c r="B3" s="15" t="s">
        <v>48</v>
      </c>
      <c r="C3" s="15" t="s">
        <v>49</v>
      </c>
      <c r="D3" s="15" t="s">
        <v>50</v>
      </c>
      <c r="E3" s="15" t="s">
        <v>51</v>
      </c>
      <c r="F3" s="15" t="s">
        <v>52</v>
      </c>
      <c r="G3" s="15" t="s">
        <v>53</v>
      </c>
      <c r="H3" s="73" t="s">
        <v>54</v>
      </c>
      <c r="I3" s="74"/>
      <c r="J3" s="74"/>
      <c r="K3" s="74"/>
      <c r="L3" s="74"/>
      <c r="M3" s="74"/>
      <c r="N3" s="74"/>
      <c r="O3" s="74"/>
      <c r="P3" s="74"/>
      <c r="Q3" s="74"/>
      <c r="R3" s="74"/>
      <c r="S3" s="74"/>
      <c r="T3" s="74"/>
      <c r="U3" s="74"/>
      <c r="V3" s="74"/>
      <c r="W3" s="74"/>
      <c r="X3" s="75"/>
      <c r="Y3" s="79" t="s">
        <v>55</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6</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5" x14ac:dyDescent="0.2">
      <c r="A4" s="14" t="s">
        <v>57</v>
      </c>
      <c r="B4" s="16"/>
      <c r="C4" s="16"/>
      <c r="D4" s="16"/>
      <c r="E4" s="16"/>
      <c r="F4" s="16"/>
      <c r="G4" s="16"/>
      <c r="H4" s="76"/>
      <c r="I4" s="77"/>
      <c r="J4" s="77"/>
      <c r="K4" s="77"/>
      <c r="L4" s="77"/>
      <c r="M4" s="77"/>
      <c r="N4" s="77"/>
      <c r="O4" s="77"/>
      <c r="P4" s="77"/>
      <c r="Q4" s="77"/>
      <c r="R4" s="77"/>
      <c r="S4" s="77"/>
      <c r="T4" s="77"/>
      <c r="U4" s="77"/>
      <c r="V4" s="77"/>
      <c r="W4" s="77"/>
      <c r="X4" s="78"/>
      <c r="Y4" s="72" t="s">
        <v>58</v>
      </c>
      <c r="Z4" s="72"/>
      <c r="AA4" s="72"/>
      <c r="AB4" s="72"/>
      <c r="AC4" s="72"/>
      <c r="AD4" s="72"/>
      <c r="AE4" s="72"/>
      <c r="AF4" s="72"/>
      <c r="AG4" s="72"/>
      <c r="AH4" s="72"/>
      <c r="AI4" s="72"/>
      <c r="AJ4" s="72" t="s">
        <v>59</v>
      </c>
      <c r="AK4" s="72"/>
      <c r="AL4" s="72"/>
      <c r="AM4" s="72"/>
      <c r="AN4" s="72"/>
      <c r="AO4" s="72"/>
      <c r="AP4" s="72"/>
      <c r="AQ4" s="72"/>
      <c r="AR4" s="72"/>
      <c r="AS4" s="72"/>
      <c r="AT4" s="72"/>
      <c r="AU4" s="72" t="s">
        <v>60</v>
      </c>
      <c r="AV4" s="72"/>
      <c r="AW4" s="72"/>
      <c r="AX4" s="72"/>
      <c r="AY4" s="72"/>
      <c r="AZ4" s="72"/>
      <c r="BA4" s="72"/>
      <c r="BB4" s="72"/>
      <c r="BC4" s="72"/>
      <c r="BD4" s="72"/>
      <c r="BE4" s="72"/>
      <c r="BF4" s="72" t="s">
        <v>61</v>
      </c>
      <c r="BG4" s="72"/>
      <c r="BH4" s="72"/>
      <c r="BI4" s="72"/>
      <c r="BJ4" s="72"/>
      <c r="BK4" s="72"/>
      <c r="BL4" s="72"/>
      <c r="BM4" s="72"/>
      <c r="BN4" s="72"/>
      <c r="BO4" s="72"/>
      <c r="BP4" s="72"/>
      <c r="BQ4" s="72" t="s">
        <v>62</v>
      </c>
      <c r="BR4" s="72"/>
      <c r="BS4" s="72"/>
      <c r="BT4" s="72"/>
      <c r="BU4" s="72"/>
      <c r="BV4" s="72"/>
      <c r="BW4" s="72"/>
      <c r="BX4" s="72"/>
      <c r="BY4" s="72"/>
      <c r="BZ4" s="72"/>
      <c r="CA4" s="72"/>
      <c r="CB4" s="72" t="s">
        <v>63</v>
      </c>
      <c r="CC4" s="72"/>
      <c r="CD4" s="72"/>
      <c r="CE4" s="72"/>
      <c r="CF4" s="72"/>
      <c r="CG4" s="72"/>
      <c r="CH4" s="72"/>
      <c r="CI4" s="72"/>
      <c r="CJ4" s="72"/>
      <c r="CK4" s="72"/>
      <c r="CL4" s="72"/>
      <c r="CM4" s="72" t="s">
        <v>64</v>
      </c>
      <c r="CN4" s="72"/>
      <c r="CO4" s="72"/>
      <c r="CP4" s="72"/>
      <c r="CQ4" s="72"/>
      <c r="CR4" s="72"/>
      <c r="CS4" s="72"/>
      <c r="CT4" s="72"/>
      <c r="CU4" s="72"/>
      <c r="CV4" s="72"/>
      <c r="CW4" s="72"/>
      <c r="CX4" s="72" t="s">
        <v>65</v>
      </c>
      <c r="CY4" s="72"/>
      <c r="CZ4" s="72"/>
      <c r="DA4" s="72"/>
      <c r="DB4" s="72"/>
      <c r="DC4" s="72"/>
      <c r="DD4" s="72"/>
      <c r="DE4" s="72"/>
      <c r="DF4" s="72"/>
      <c r="DG4" s="72"/>
      <c r="DH4" s="72"/>
      <c r="DI4" s="72" t="s">
        <v>66</v>
      </c>
      <c r="DJ4" s="72"/>
      <c r="DK4" s="72"/>
      <c r="DL4" s="72"/>
      <c r="DM4" s="72"/>
      <c r="DN4" s="72"/>
      <c r="DO4" s="72"/>
      <c r="DP4" s="72"/>
      <c r="DQ4" s="72"/>
      <c r="DR4" s="72"/>
      <c r="DS4" s="72"/>
      <c r="DT4" s="72" t="s">
        <v>67</v>
      </c>
      <c r="DU4" s="72"/>
      <c r="DV4" s="72"/>
      <c r="DW4" s="72"/>
      <c r="DX4" s="72"/>
      <c r="DY4" s="72"/>
      <c r="DZ4" s="72"/>
      <c r="EA4" s="72"/>
      <c r="EB4" s="72"/>
      <c r="EC4" s="72"/>
      <c r="ED4" s="72"/>
      <c r="EE4" s="72" t="s">
        <v>68</v>
      </c>
      <c r="EF4" s="72"/>
      <c r="EG4" s="72"/>
      <c r="EH4" s="72"/>
      <c r="EI4" s="72"/>
      <c r="EJ4" s="72"/>
      <c r="EK4" s="72"/>
      <c r="EL4" s="72"/>
      <c r="EM4" s="72"/>
      <c r="EN4" s="72"/>
      <c r="EO4" s="72"/>
    </row>
    <row r="5" spans="1:145" x14ac:dyDescent="0.2">
      <c r="A5" s="14" t="s">
        <v>69</v>
      </c>
      <c r="B5" s="17"/>
      <c r="C5" s="17"/>
      <c r="D5" s="17"/>
      <c r="E5" s="17"/>
      <c r="F5" s="17"/>
      <c r="G5" s="17"/>
      <c r="H5" s="18" t="s">
        <v>70</v>
      </c>
      <c r="I5" s="18" t="s">
        <v>71</v>
      </c>
      <c r="J5" s="18" t="s">
        <v>72</v>
      </c>
      <c r="K5" s="18" t="s">
        <v>73</v>
      </c>
      <c r="L5" s="18" t="s">
        <v>74</v>
      </c>
      <c r="M5" s="18" t="s">
        <v>5</v>
      </c>
      <c r="N5" s="18" t="s">
        <v>75</v>
      </c>
      <c r="O5" s="18" t="s">
        <v>76</v>
      </c>
      <c r="P5" s="18" t="s">
        <v>77</v>
      </c>
      <c r="Q5" s="18" t="s">
        <v>78</v>
      </c>
      <c r="R5" s="18" t="s">
        <v>79</v>
      </c>
      <c r="S5" s="18" t="s">
        <v>80</v>
      </c>
      <c r="T5" s="18" t="s">
        <v>81</v>
      </c>
      <c r="U5" s="18" t="s">
        <v>82</v>
      </c>
      <c r="V5" s="18" t="s">
        <v>83</v>
      </c>
      <c r="W5" s="18" t="s">
        <v>84</v>
      </c>
      <c r="X5" s="18" t="s">
        <v>85</v>
      </c>
      <c r="Y5" s="18" t="s">
        <v>86</v>
      </c>
      <c r="Z5" s="18" t="s">
        <v>87</v>
      </c>
      <c r="AA5" s="18" t="s">
        <v>88</v>
      </c>
      <c r="AB5" s="18" t="s">
        <v>89</v>
      </c>
      <c r="AC5" s="18" t="s">
        <v>90</v>
      </c>
      <c r="AD5" s="18" t="s">
        <v>91</v>
      </c>
      <c r="AE5" s="18" t="s">
        <v>92</v>
      </c>
      <c r="AF5" s="18" t="s">
        <v>93</v>
      </c>
      <c r="AG5" s="18" t="s">
        <v>94</v>
      </c>
      <c r="AH5" s="18" t="s">
        <v>95</v>
      </c>
      <c r="AI5" s="18" t="s">
        <v>31</v>
      </c>
      <c r="AJ5" s="18" t="s">
        <v>86</v>
      </c>
      <c r="AK5" s="18" t="s">
        <v>87</v>
      </c>
      <c r="AL5" s="18" t="s">
        <v>88</v>
      </c>
      <c r="AM5" s="18" t="s">
        <v>89</v>
      </c>
      <c r="AN5" s="18" t="s">
        <v>90</v>
      </c>
      <c r="AO5" s="18" t="s">
        <v>91</v>
      </c>
      <c r="AP5" s="18" t="s">
        <v>92</v>
      </c>
      <c r="AQ5" s="18" t="s">
        <v>93</v>
      </c>
      <c r="AR5" s="18" t="s">
        <v>94</v>
      </c>
      <c r="AS5" s="18" t="s">
        <v>95</v>
      </c>
      <c r="AT5" s="18" t="s">
        <v>96</v>
      </c>
      <c r="AU5" s="18" t="s">
        <v>86</v>
      </c>
      <c r="AV5" s="18" t="s">
        <v>87</v>
      </c>
      <c r="AW5" s="18" t="s">
        <v>88</v>
      </c>
      <c r="AX5" s="18" t="s">
        <v>89</v>
      </c>
      <c r="AY5" s="18" t="s">
        <v>90</v>
      </c>
      <c r="AZ5" s="18" t="s">
        <v>91</v>
      </c>
      <c r="BA5" s="18" t="s">
        <v>92</v>
      </c>
      <c r="BB5" s="18" t="s">
        <v>93</v>
      </c>
      <c r="BC5" s="18" t="s">
        <v>94</v>
      </c>
      <c r="BD5" s="18" t="s">
        <v>95</v>
      </c>
      <c r="BE5" s="18" t="s">
        <v>96</v>
      </c>
      <c r="BF5" s="18" t="s">
        <v>86</v>
      </c>
      <c r="BG5" s="18" t="s">
        <v>87</v>
      </c>
      <c r="BH5" s="18" t="s">
        <v>88</v>
      </c>
      <c r="BI5" s="18" t="s">
        <v>89</v>
      </c>
      <c r="BJ5" s="18" t="s">
        <v>90</v>
      </c>
      <c r="BK5" s="18" t="s">
        <v>91</v>
      </c>
      <c r="BL5" s="18" t="s">
        <v>92</v>
      </c>
      <c r="BM5" s="18" t="s">
        <v>93</v>
      </c>
      <c r="BN5" s="18" t="s">
        <v>94</v>
      </c>
      <c r="BO5" s="18" t="s">
        <v>95</v>
      </c>
      <c r="BP5" s="18" t="s">
        <v>96</v>
      </c>
      <c r="BQ5" s="18" t="s">
        <v>86</v>
      </c>
      <c r="BR5" s="18" t="s">
        <v>87</v>
      </c>
      <c r="BS5" s="18" t="s">
        <v>88</v>
      </c>
      <c r="BT5" s="18" t="s">
        <v>89</v>
      </c>
      <c r="BU5" s="18" t="s">
        <v>90</v>
      </c>
      <c r="BV5" s="18" t="s">
        <v>91</v>
      </c>
      <c r="BW5" s="18" t="s">
        <v>92</v>
      </c>
      <c r="BX5" s="18" t="s">
        <v>93</v>
      </c>
      <c r="BY5" s="18" t="s">
        <v>94</v>
      </c>
      <c r="BZ5" s="18" t="s">
        <v>95</v>
      </c>
      <c r="CA5" s="18" t="s">
        <v>96</v>
      </c>
      <c r="CB5" s="18" t="s">
        <v>86</v>
      </c>
      <c r="CC5" s="18" t="s">
        <v>87</v>
      </c>
      <c r="CD5" s="18" t="s">
        <v>88</v>
      </c>
      <c r="CE5" s="18" t="s">
        <v>89</v>
      </c>
      <c r="CF5" s="18" t="s">
        <v>90</v>
      </c>
      <c r="CG5" s="18" t="s">
        <v>91</v>
      </c>
      <c r="CH5" s="18" t="s">
        <v>92</v>
      </c>
      <c r="CI5" s="18" t="s">
        <v>93</v>
      </c>
      <c r="CJ5" s="18" t="s">
        <v>94</v>
      </c>
      <c r="CK5" s="18" t="s">
        <v>95</v>
      </c>
      <c r="CL5" s="18" t="s">
        <v>96</v>
      </c>
      <c r="CM5" s="18" t="s">
        <v>86</v>
      </c>
      <c r="CN5" s="18" t="s">
        <v>87</v>
      </c>
      <c r="CO5" s="18" t="s">
        <v>88</v>
      </c>
      <c r="CP5" s="18" t="s">
        <v>89</v>
      </c>
      <c r="CQ5" s="18" t="s">
        <v>90</v>
      </c>
      <c r="CR5" s="18" t="s">
        <v>91</v>
      </c>
      <c r="CS5" s="18" t="s">
        <v>92</v>
      </c>
      <c r="CT5" s="18" t="s">
        <v>93</v>
      </c>
      <c r="CU5" s="18" t="s">
        <v>94</v>
      </c>
      <c r="CV5" s="18" t="s">
        <v>95</v>
      </c>
      <c r="CW5" s="18" t="s">
        <v>96</v>
      </c>
      <c r="CX5" s="18" t="s">
        <v>86</v>
      </c>
      <c r="CY5" s="18" t="s">
        <v>87</v>
      </c>
      <c r="CZ5" s="18" t="s">
        <v>88</v>
      </c>
      <c r="DA5" s="18" t="s">
        <v>89</v>
      </c>
      <c r="DB5" s="18" t="s">
        <v>90</v>
      </c>
      <c r="DC5" s="18" t="s">
        <v>91</v>
      </c>
      <c r="DD5" s="18" t="s">
        <v>92</v>
      </c>
      <c r="DE5" s="18" t="s">
        <v>93</v>
      </c>
      <c r="DF5" s="18" t="s">
        <v>94</v>
      </c>
      <c r="DG5" s="18" t="s">
        <v>95</v>
      </c>
      <c r="DH5" s="18" t="s">
        <v>96</v>
      </c>
      <c r="DI5" s="18" t="s">
        <v>86</v>
      </c>
      <c r="DJ5" s="18" t="s">
        <v>87</v>
      </c>
      <c r="DK5" s="18" t="s">
        <v>88</v>
      </c>
      <c r="DL5" s="18" t="s">
        <v>89</v>
      </c>
      <c r="DM5" s="18" t="s">
        <v>90</v>
      </c>
      <c r="DN5" s="18" t="s">
        <v>91</v>
      </c>
      <c r="DO5" s="18" t="s">
        <v>92</v>
      </c>
      <c r="DP5" s="18" t="s">
        <v>93</v>
      </c>
      <c r="DQ5" s="18" t="s">
        <v>94</v>
      </c>
      <c r="DR5" s="18" t="s">
        <v>95</v>
      </c>
      <c r="DS5" s="18" t="s">
        <v>96</v>
      </c>
      <c r="DT5" s="18" t="s">
        <v>86</v>
      </c>
      <c r="DU5" s="18" t="s">
        <v>87</v>
      </c>
      <c r="DV5" s="18" t="s">
        <v>88</v>
      </c>
      <c r="DW5" s="18" t="s">
        <v>89</v>
      </c>
      <c r="DX5" s="18" t="s">
        <v>90</v>
      </c>
      <c r="DY5" s="18" t="s">
        <v>91</v>
      </c>
      <c r="DZ5" s="18" t="s">
        <v>92</v>
      </c>
      <c r="EA5" s="18" t="s">
        <v>93</v>
      </c>
      <c r="EB5" s="18" t="s">
        <v>94</v>
      </c>
      <c r="EC5" s="18" t="s">
        <v>95</v>
      </c>
      <c r="ED5" s="18" t="s">
        <v>96</v>
      </c>
      <c r="EE5" s="18" t="s">
        <v>86</v>
      </c>
      <c r="EF5" s="18" t="s">
        <v>87</v>
      </c>
      <c r="EG5" s="18" t="s">
        <v>88</v>
      </c>
      <c r="EH5" s="18" t="s">
        <v>89</v>
      </c>
      <c r="EI5" s="18" t="s">
        <v>90</v>
      </c>
      <c r="EJ5" s="18" t="s">
        <v>91</v>
      </c>
      <c r="EK5" s="18" t="s">
        <v>92</v>
      </c>
      <c r="EL5" s="18" t="s">
        <v>93</v>
      </c>
      <c r="EM5" s="18" t="s">
        <v>94</v>
      </c>
      <c r="EN5" s="18" t="s">
        <v>95</v>
      </c>
      <c r="EO5" s="18" t="s">
        <v>96</v>
      </c>
    </row>
    <row r="6" spans="1:145" s="22" customFormat="1" x14ac:dyDescent="0.2">
      <c r="A6" s="14" t="s">
        <v>97</v>
      </c>
      <c r="B6" s="19">
        <f>B7</f>
        <v>2022</v>
      </c>
      <c r="C6" s="19">
        <f t="shared" ref="C6:X6" si="3">C7</f>
        <v>143634</v>
      </c>
      <c r="D6" s="19">
        <f t="shared" si="3"/>
        <v>47</v>
      </c>
      <c r="E6" s="19">
        <f t="shared" si="3"/>
        <v>17</v>
      </c>
      <c r="F6" s="19">
        <f t="shared" si="3"/>
        <v>1</v>
      </c>
      <c r="G6" s="19">
        <f t="shared" si="3"/>
        <v>0</v>
      </c>
      <c r="H6" s="19" t="str">
        <f t="shared" si="3"/>
        <v>神奈川県　松田町</v>
      </c>
      <c r="I6" s="19" t="str">
        <f t="shared" si="3"/>
        <v>法非適用</v>
      </c>
      <c r="J6" s="19" t="str">
        <f t="shared" si="3"/>
        <v>下水道事業</v>
      </c>
      <c r="K6" s="19" t="str">
        <f t="shared" si="3"/>
        <v>公共下水道</v>
      </c>
      <c r="L6" s="19" t="str">
        <f t="shared" si="3"/>
        <v>Cc1</v>
      </c>
      <c r="M6" s="19" t="str">
        <f t="shared" si="3"/>
        <v>非設置</v>
      </c>
      <c r="N6" s="20" t="str">
        <f t="shared" si="3"/>
        <v>-</v>
      </c>
      <c r="O6" s="20" t="str">
        <f t="shared" si="3"/>
        <v>該当数値なし</v>
      </c>
      <c r="P6" s="20">
        <f t="shared" si="3"/>
        <v>85.93</v>
      </c>
      <c r="Q6" s="20">
        <f t="shared" si="3"/>
        <v>88.21</v>
      </c>
      <c r="R6" s="20">
        <f t="shared" si="3"/>
        <v>1723</v>
      </c>
      <c r="S6" s="20">
        <f t="shared" si="3"/>
        <v>10616</v>
      </c>
      <c r="T6" s="20">
        <f t="shared" si="3"/>
        <v>37.75</v>
      </c>
      <c r="U6" s="20">
        <f t="shared" si="3"/>
        <v>281.22000000000003</v>
      </c>
      <c r="V6" s="20">
        <f t="shared" si="3"/>
        <v>9089</v>
      </c>
      <c r="W6" s="20">
        <f t="shared" si="3"/>
        <v>1.98</v>
      </c>
      <c r="X6" s="20">
        <f t="shared" si="3"/>
        <v>4590.3999999999996</v>
      </c>
      <c r="Y6" s="21">
        <f>IF(Y7="",NA(),Y7)</f>
        <v>53.45</v>
      </c>
      <c r="Z6" s="21">
        <f t="shared" ref="Z6:AH6" si="4">IF(Z7="",NA(),Z7)</f>
        <v>55.32</v>
      </c>
      <c r="AA6" s="21">
        <f t="shared" si="4"/>
        <v>58.24</v>
      </c>
      <c r="AB6" s="21">
        <f t="shared" si="4"/>
        <v>54.55</v>
      </c>
      <c r="AC6" s="21">
        <f t="shared" si="4"/>
        <v>54.19</v>
      </c>
      <c r="AD6" s="20" t="e">
        <f t="shared" si="4"/>
        <v>#N/A</v>
      </c>
      <c r="AE6" s="20" t="e">
        <f t="shared" si="4"/>
        <v>#N/A</v>
      </c>
      <c r="AF6" s="20" t="e">
        <f t="shared" si="4"/>
        <v>#N/A</v>
      </c>
      <c r="AG6" s="20" t="e">
        <f t="shared" si="4"/>
        <v>#N/A</v>
      </c>
      <c r="AH6" s="20" t="e">
        <f t="shared" si="4"/>
        <v>#N/A</v>
      </c>
      <c r="AI6" s="20" t="str">
        <f>IF(AI7="","",IF(AI7="-","【-】","【"&amp;SUBSTITUTE(TEXT(AI7,"#,##0.00"),"-","△")&amp;"】"))</f>
        <v/>
      </c>
      <c r="AJ6" s="20" t="e">
        <f>IF(AJ7="",NA(),AJ7)</f>
        <v>#N/A</v>
      </c>
      <c r="AK6" s="20" t="e">
        <f t="shared" ref="AK6:AS6" si="5">IF(AK7="",NA(),AK7)</f>
        <v>#N/A</v>
      </c>
      <c r="AL6" s="20" t="e">
        <f t="shared" si="5"/>
        <v>#N/A</v>
      </c>
      <c r="AM6" s="20" t="e">
        <f t="shared" si="5"/>
        <v>#N/A</v>
      </c>
      <c r="AN6" s="20" t="e">
        <f t="shared" si="5"/>
        <v>#N/A</v>
      </c>
      <c r="AO6" s="20" t="e">
        <f t="shared" si="5"/>
        <v>#N/A</v>
      </c>
      <c r="AP6" s="20" t="e">
        <f t="shared" si="5"/>
        <v>#N/A</v>
      </c>
      <c r="AQ6" s="20" t="e">
        <f t="shared" si="5"/>
        <v>#N/A</v>
      </c>
      <c r="AR6" s="20" t="e">
        <f t="shared" si="5"/>
        <v>#N/A</v>
      </c>
      <c r="AS6" s="20" t="e">
        <f t="shared" si="5"/>
        <v>#N/A</v>
      </c>
      <c r="AT6" s="20" t="str">
        <f>IF(AT7="","",IF(AT7="-","【-】","【"&amp;SUBSTITUTE(TEXT(AT7,"#,##0.00"),"-","△")&amp;"】"))</f>
        <v/>
      </c>
      <c r="AU6" s="20" t="e">
        <f>IF(AU7="",NA(),AU7)</f>
        <v>#N/A</v>
      </c>
      <c r="AV6" s="20" t="e">
        <f t="shared" ref="AV6:BD6" si="6">IF(AV7="",NA(),AV7)</f>
        <v>#N/A</v>
      </c>
      <c r="AW6" s="20" t="e">
        <f t="shared" si="6"/>
        <v>#N/A</v>
      </c>
      <c r="AX6" s="20" t="e">
        <f t="shared" si="6"/>
        <v>#N/A</v>
      </c>
      <c r="AY6" s="20" t="e">
        <f t="shared" si="6"/>
        <v>#N/A</v>
      </c>
      <c r="AZ6" s="20" t="e">
        <f t="shared" si="6"/>
        <v>#N/A</v>
      </c>
      <c r="BA6" s="20" t="e">
        <f t="shared" si="6"/>
        <v>#N/A</v>
      </c>
      <c r="BB6" s="20" t="e">
        <f t="shared" si="6"/>
        <v>#N/A</v>
      </c>
      <c r="BC6" s="20" t="e">
        <f t="shared" si="6"/>
        <v>#N/A</v>
      </c>
      <c r="BD6" s="20" t="e">
        <f t="shared" si="6"/>
        <v>#N/A</v>
      </c>
      <c r="BE6" s="20" t="str">
        <f>IF(BE7="","",IF(BE7="-","【-】","【"&amp;SUBSTITUTE(TEXT(BE7,"#,##0.00"),"-","△")&amp;"】"))</f>
        <v/>
      </c>
      <c r="BF6" s="21">
        <f>IF(BF7="",NA(),BF7)</f>
        <v>723.47</v>
      </c>
      <c r="BG6" s="21">
        <f t="shared" ref="BG6:BO6" si="7">IF(BG7="",NA(),BG7)</f>
        <v>660.52</v>
      </c>
      <c r="BH6" s="21">
        <f t="shared" si="7"/>
        <v>526.92999999999995</v>
      </c>
      <c r="BI6" s="21">
        <f t="shared" si="7"/>
        <v>458.42</v>
      </c>
      <c r="BJ6" s="21">
        <f t="shared" si="7"/>
        <v>377.25</v>
      </c>
      <c r="BK6" s="21">
        <f t="shared" si="7"/>
        <v>958.81</v>
      </c>
      <c r="BL6" s="21">
        <f t="shared" si="7"/>
        <v>789.44</v>
      </c>
      <c r="BM6" s="21">
        <f t="shared" si="7"/>
        <v>789.08</v>
      </c>
      <c r="BN6" s="21">
        <f t="shared" si="7"/>
        <v>747.84</v>
      </c>
      <c r="BO6" s="21">
        <f t="shared" si="7"/>
        <v>804.98</v>
      </c>
      <c r="BP6" s="20" t="str">
        <f>IF(BP7="","",IF(BP7="-","【-】","【"&amp;SUBSTITUTE(TEXT(BP7,"#,##0.00"),"-","△")&amp;"】"))</f>
        <v>【652.82】</v>
      </c>
      <c r="BQ6" s="21">
        <f>IF(BQ7="",NA(),BQ7)</f>
        <v>82.53</v>
      </c>
      <c r="BR6" s="21">
        <f t="shared" ref="BR6:BZ6" si="8">IF(BR7="",NA(),BR7)</f>
        <v>81.83</v>
      </c>
      <c r="BS6" s="21">
        <f t="shared" si="8"/>
        <v>85.32</v>
      </c>
      <c r="BT6" s="21">
        <f t="shared" si="8"/>
        <v>92.22</v>
      </c>
      <c r="BU6" s="21">
        <f t="shared" si="8"/>
        <v>110.74</v>
      </c>
      <c r="BV6" s="21">
        <f t="shared" si="8"/>
        <v>82.88</v>
      </c>
      <c r="BW6" s="21">
        <f t="shared" si="8"/>
        <v>87.29</v>
      </c>
      <c r="BX6" s="21">
        <f t="shared" si="8"/>
        <v>88.25</v>
      </c>
      <c r="BY6" s="21">
        <f t="shared" si="8"/>
        <v>90.17</v>
      </c>
      <c r="BZ6" s="21">
        <f t="shared" si="8"/>
        <v>88.71</v>
      </c>
      <c r="CA6" s="20" t="str">
        <f>IF(CA7="","",IF(CA7="-","【-】","【"&amp;SUBSTITUTE(TEXT(CA7,"#,##0.00"),"-","△")&amp;"】"))</f>
        <v>【97.61】</v>
      </c>
      <c r="CB6" s="21">
        <f>IF(CB7="",NA(),CB7)</f>
        <v>147.27000000000001</v>
      </c>
      <c r="CC6" s="21">
        <f t="shared" ref="CC6:CK6" si="9">IF(CC7="",NA(),CC7)</f>
        <v>150.16</v>
      </c>
      <c r="CD6" s="21">
        <f t="shared" si="9"/>
        <v>143.91999999999999</v>
      </c>
      <c r="CE6" s="21">
        <f t="shared" si="9"/>
        <v>132.9</v>
      </c>
      <c r="CF6" s="21">
        <f t="shared" si="9"/>
        <v>113.83</v>
      </c>
      <c r="CG6" s="21">
        <f t="shared" si="9"/>
        <v>190.99</v>
      </c>
      <c r="CH6" s="21">
        <f t="shared" si="9"/>
        <v>176.67</v>
      </c>
      <c r="CI6" s="21">
        <f t="shared" si="9"/>
        <v>176.37</v>
      </c>
      <c r="CJ6" s="21">
        <f t="shared" si="9"/>
        <v>173.17</v>
      </c>
      <c r="CK6" s="21">
        <f t="shared" si="9"/>
        <v>174.8</v>
      </c>
      <c r="CL6" s="20" t="str">
        <f>IF(CL7="","",IF(CL7="-","【-】","【"&amp;SUBSTITUTE(TEXT(CL7,"#,##0.00"),"-","△")&amp;"】"))</f>
        <v>【138.29】</v>
      </c>
      <c r="CM6" s="21" t="str">
        <f>IF(CM7="",NA(),CM7)</f>
        <v>-</v>
      </c>
      <c r="CN6" s="21" t="str">
        <f t="shared" ref="CN6:CV6" si="10">IF(CN7="",NA(),CN7)</f>
        <v>-</v>
      </c>
      <c r="CO6" s="21" t="str">
        <f t="shared" si="10"/>
        <v>-</v>
      </c>
      <c r="CP6" s="21" t="str">
        <f t="shared" si="10"/>
        <v>-</v>
      </c>
      <c r="CQ6" s="21" t="str">
        <f t="shared" si="10"/>
        <v>-</v>
      </c>
      <c r="CR6" s="21">
        <f t="shared" si="10"/>
        <v>52.58</v>
      </c>
      <c r="CS6" s="21">
        <f t="shared" si="10"/>
        <v>57.42</v>
      </c>
      <c r="CT6" s="21">
        <f t="shared" si="10"/>
        <v>56.72</v>
      </c>
      <c r="CU6" s="21">
        <f t="shared" si="10"/>
        <v>56.43</v>
      </c>
      <c r="CV6" s="21">
        <f t="shared" si="10"/>
        <v>55.82</v>
      </c>
      <c r="CW6" s="20" t="str">
        <f>IF(CW7="","",IF(CW7="-","【-】","【"&amp;SUBSTITUTE(TEXT(CW7,"#,##0.00"),"-","△")&amp;"】"))</f>
        <v>【59.10】</v>
      </c>
      <c r="CX6" s="21">
        <f>IF(CX7="",NA(),CX7)</f>
        <v>98.11</v>
      </c>
      <c r="CY6" s="21">
        <f t="shared" ref="CY6:DG6" si="11">IF(CY7="",NA(),CY7)</f>
        <v>99.1</v>
      </c>
      <c r="CZ6" s="21">
        <f t="shared" si="11"/>
        <v>96.86</v>
      </c>
      <c r="DA6" s="21">
        <f t="shared" si="11"/>
        <v>96.93</v>
      </c>
      <c r="DB6" s="21">
        <f t="shared" si="11"/>
        <v>97</v>
      </c>
      <c r="DC6" s="21">
        <f t="shared" si="11"/>
        <v>83.02</v>
      </c>
      <c r="DD6" s="21">
        <f t="shared" si="11"/>
        <v>90.42</v>
      </c>
      <c r="DE6" s="21">
        <f t="shared" si="11"/>
        <v>90.72</v>
      </c>
      <c r="DF6" s="21">
        <f t="shared" si="11"/>
        <v>91.07</v>
      </c>
      <c r="DG6" s="21">
        <f t="shared" si="11"/>
        <v>90.67</v>
      </c>
      <c r="DH6" s="20" t="str">
        <f>IF(DH7="","",IF(DH7="-","【-】","【"&amp;SUBSTITUTE(TEXT(DH7,"#,##0.00"),"-","△")&amp;"】"))</f>
        <v>【95.82】</v>
      </c>
      <c r="DI6" s="20" t="e">
        <f>IF(DI7="",NA(),DI7)</f>
        <v>#N/A</v>
      </c>
      <c r="DJ6" s="20" t="e">
        <f t="shared" ref="DJ6:DR6" si="12">IF(DJ7="",NA(),DJ7)</f>
        <v>#N/A</v>
      </c>
      <c r="DK6" s="20" t="e">
        <f t="shared" si="12"/>
        <v>#N/A</v>
      </c>
      <c r="DL6" s="20" t="e">
        <f t="shared" si="12"/>
        <v>#N/A</v>
      </c>
      <c r="DM6" s="20" t="e">
        <f t="shared" si="12"/>
        <v>#N/A</v>
      </c>
      <c r="DN6" s="20" t="e">
        <f t="shared" si="12"/>
        <v>#N/A</v>
      </c>
      <c r="DO6" s="20" t="e">
        <f t="shared" si="12"/>
        <v>#N/A</v>
      </c>
      <c r="DP6" s="20" t="e">
        <f t="shared" si="12"/>
        <v>#N/A</v>
      </c>
      <c r="DQ6" s="20" t="e">
        <f t="shared" si="12"/>
        <v>#N/A</v>
      </c>
      <c r="DR6" s="20" t="e">
        <f t="shared" si="12"/>
        <v>#N/A</v>
      </c>
      <c r="DS6" s="20" t="str">
        <f>IF(DS7="","",IF(DS7="-","【-】","【"&amp;SUBSTITUTE(TEXT(DS7,"#,##0.00"),"-","△")&amp;"】"))</f>
        <v/>
      </c>
      <c r="DT6" s="20" t="e">
        <f>IF(DT7="",NA(),DT7)</f>
        <v>#N/A</v>
      </c>
      <c r="DU6" s="20" t="e">
        <f t="shared" ref="DU6:EC6" si="13">IF(DU7="",NA(),DU7)</f>
        <v>#N/A</v>
      </c>
      <c r="DV6" s="20" t="e">
        <f t="shared" si="13"/>
        <v>#N/A</v>
      </c>
      <c r="DW6" s="20" t="e">
        <f t="shared" si="13"/>
        <v>#N/A</v>
      </c>
      <c r="DX6" s="20" t="e">
        <f t="shared" si="13"/>
        <v>#N/A</v>
      </c>
      <c r="DY6" s="20" t="e">
        <f t="shared" si="13"/>
        <v>#N/A</v>
      </c>
      <c r="DZ6" s="20" t="e">
        <f t="shared" si="13"/>
        <v>#N/A</v>
      </c>
      <c r="EA6" s="20" t="e">
        <f t="shared" si="13"/>
        <v>#N/A</v>
      </c>
      <c r="EB6" s="20" t="e">
        <f t="shared" si="13"/>
        <v>#N/A</v>
      </c>
      <c r="EC6" s="20" t="e">
        <f t="shared" si="13"/>
        <v>#N/A</v>
      </c>
      <c r="ED6" s="20" t="str">
        <f>IF(ED7="","",IF(ED7="-","【-】","【"&amp;SUBSTITUTE(TEXT(ED7,"#,##0.00"),"-","△")&amp;"】"))</f>
        <v/>
      </c>
      <c r="EE6" s="21">
        <f>IF(EE7="",NA(),EE7)</f>
        <v>0.04</v>
      </c>
      <c r="EF6" s="20">
        <f t="shared" ref="EF6:EN6" si="14">IF(EF7="",NA(),EF7)</f>
        <v>0</v>
      </c>
      <c r="EG6" s="20">
        <f t="shared" si="14"/>
        <v>0</v>
      </c>
      <c r="EH6" s="20">
        <f t="shared" si="14"/>
        <v>0</v>
      </c>
      <c r="EI6" s="20">
        <f t="shared" si="14"/>
        <v>0</v>
      </c>
      <c r="EJ6" s="21">
        <f t="shared" si="14"/>
        <v>0.13</v>
      </c>
      <c r="EK6" s="21">
        <f t="shared" si="14"/>
        <v>0.17</v>
      </c>
      <c r="EL6" s="21">
        <f t="shared" si="14"/>
        <v>0.15</v>
      </c>
      <c r="EM6" s="21">
        <f t="shared" si="14"/>
        <v>0.15</v>
      </c>
      <c r="EN6" s="21">
        <f t="shared" si="14"/>
        <v>0.12</v>
      </c>
      <c r="EO6" s="20" t="str">
        <f>IF(EO7="","",IF(EO7="-","【-】","【"&amp;SUBSTITUTE(TEXT(EO7,"#,##0.00"),"-","△")&amp;"】"))</f>
        <v>【0.23】</v>
      </c>
    </row>
    <row r="7" spans="1:145" s="22" customFormat="1" x14ac:dyDescent="0.2">
      <c r="A7" s="14"/>
      <c r="B7" s="23">
        <v>2022</v>
      </c>
      <c r="C7" s="23">
        <v>143634</v>
      </c>
      <c r="D7" s="23">
        <v>47</v>
      </c>
      <c r="E7" s="23">
        <v>17</v>
      </c>
      <c r="F7" s="23">
        <v>1</v>
      </c>
      <c r="G7" s="23">
        <v>0</v>
      </c>
      <c r="H7" s="23" t="s">
        <v>98</v>
      </c>
      <c r="I7" s="23" t="s">
        <v>99</v>
      </c>
      <c r="J7" s="23" t="s">
        <v>100</v>
      </c>
      <c r="K7" s="23" t="s">
        <v>101</v>
      </c>
      <c r="L7" s="23" t="s">
        <v>102</v>
      </c>
      <c r="M7" s="23" t="s">
        <v>103</v>
      </c>
      <c r="N7" s="24" t="s">
        <v>104</v>
      </c>
      <c r="O7" s="24" t="s">
        <v>105</v>
      </c>
      <c r="P7" s="24">
        <v>85.93</v>
      </c>
      <c r="Q7" s="24">
        <v>88.21</v>
      </c>
      <c r="R7" s="24">
        <v>1723</v>
      </c>
      <c r="S7" s="24">
        <v>10616</v>
      </c>
      <c r="T7" s="24">
        <v>37.75</v>
      </c>
      <c r="U7" s="24">
        <v>281.22000000000003</v>
      </c>
      <c r="V7" s="24">
        <v>9089</v>
      </c>
      <c r="W7" s="24">
        <v>1.98</v>
      </c>
      <c r="X7" s="24">
        <v>4590.3999999999996</v>
      </c>
      <c r="Y7" s="24">
        <v>53.45</v>
      </c>
      <c r="Z7" s="24">
        <v>55.32</v>
      </c>
      <c r="AA7" s="24">
        <v>58.24</v>
      </c>
      <c r="AB7" s="24">
        <v>54.55</v>
      </c>
      <c r="AC7" s="24">
        <v>54.19</v>
      </c>
      <c r="AD7" s="24"/>
      <c r="AE7" s="24"/>
      <c r="AF7" s="24"/>
      <c r="AG7" s="24"/>
      <c r="AH7" s="24"/>
      <c r="AI7" s="24"/>
      <c r="AJ7" s="24"/>
      <c r="AK7" s="24"/>
      <c r="AL7" s="24"/>
      <c r="AM7" s="24"/>
      <c r="AN7" s="24"/>
      <c r="AO7" s="24"/>
      <c r="AP7" s="24"/>
      <c r="AQ7" s="24"/>
      <c r="AR7" s="24"/>
      <c r="AS7" s="24"/>
      <c r="AT7" s="24"/>
      <c r="AU7" s="24"/>
      <c r="AV7" s="24"/>
      <c r="AW7" s="24"/>
      <c r="AX7" s="24"/>
      <c r="AY7" s="24"/>
      <c r="AZ7" s="24"/>
      <c r="BA7" s="24"/>
      <c r="BB7" s="24"/>
      <c r="BC7" s="24"/>
      <c r="BD7" s="24"/>
      <c r="BE7" s="24"/>
      <c r="BF7" s="24">
        <v>723.47</v>
      </c>
      <c r="BG7" s="24">
        <v>660.52</v>
      </c>
      <c r="BH7" s="24">
        <v>526.92999999999995</v>
      </c>
      <c r="BI7" s="24">
        <v>458.42</v>
      </c>
      <c r="BJ7" s="24">
        <v>377.25</v>
      </c>
      <c r="BK7" s="24">
        <v>958.81</v>
      </c>
      <c r="BL7" s="24">
        <v>789.44</v>
      </c>
      <c r="BM7" s="24">
        <v>789.08</v>
      </c>
      <c r="BN7" s="24">
        <v>747.84</v>
      </c>
      <c r="BO7" s="24">
        <v>804.98</v>
      </c>
      <c r="BP7" s="24">
        <v>652.82000000000005</v>
      </c>
      <c r="BQ7" s="24">
        <v>82.53</v>
      </c>
      <c r="BR7" s="24">
        <v>81.83</v>
      </c>
      <c r="BS7" s="24">
        <v>85.32</v>
      </c>
      <c r="BT7" s="24">
        <v>92.22</v>
      </c>
      <c r="BU7" s="24">
        <v>110.74</v>
      </c>
      <c r="BV7" s="24">
        <v>82.88</v>
      </c>
      <c r="BW7" s="24">
        <v>87.29</v>
      </c>
      <c r="BX7" s="24">
        <v>88.25</v>
      </c>
      <c r="BY7" s="24">
        <v>90.17</v>
      </c>
      <c r="BZ7" s="24">
        <v>88.71</v>
      </c>
      <c r="CA7" s="24">
        <v>97.61</v>
      </c>
      <c r="CB7" s="24">
        <v>147.27000000000001</v>
      </c>
      <c r="CC7" s="24">
        <v>150.16</v>
      </c>
      <c r="CD7" s="24">
        <v>143.91999999999999</v>
      </c>
      <c r="CE7" s="24">
        <v>132.9</v>
      </c>
      <c r="CF7" s="24">
        <v>113.83</v>
      </c>
      <c r="CG7" s="24">
        <v>190.99</v>
      </c>
      <c r="CH7" s="24">
        <v>176.67</v>
      </c>
      <c r="CI7" s="24">
        <v>176.37</v>
      </c>
      <c r="CJ7" s="24">
        <v>173.17</v>
      </c>
      <c r="CK7" s="24">
        <v>174.8</v>
      </c>
      <c r="CL7" s="24">
        <v>138.29</v>
      </c>
      <c r="CM7" s="24" t="s">
        <v>104</v>
      </c>
      <c r="CN7" s="24" t="s">
        <v>104</v>
      </c>
      <c r="CO7" s="24" t="s">
        <v>104</v>
      </c>
      <c r="CP7" s="24" t="s">
        <v>104</v>
      </c>
      <c r="CQ7" s="24" t="s">
        <v>104</v>
      </c>
      <c r="CR7" s="24">
        <v>52.58</v>
      </c>
      <c r="CS7" s="24">
        <v>57.42</v>
      </c>
      <c r="CT7" s="24">
        <v>56.72</v>
      </c>
      <c r="CU7" s="24">
        <v>56.43</v>
      </c>
      <c r="CV7" s="24">
        <v>55.82</v>
      </c>
      <c r="CW7" s="24">
        <v>59.1</v>
      </c>
      <c r="CX7" s="24">
        <v>98.11</v>
      </c>
      <c r="CY7" s="24">
        <v>99.1</v>
      </c>
      <c r="CZ7" s="24">
        <v>96.86</v>
      </c>
      <c r="DA7" s="24">
        <v>96.93</v>
      </c>
      <c r="DB7" s="24">
        <v>97</v>
      </c>
      <c r="DC7" s="24">
        <v>83.02</v>
      </c>
      <c r="DD7" s="24">
        <v>90.42</v>
      </c>
      <c r="DE7" s="24">
        <v>90.72</v>
      </c>
      <c r="DF7" s="24">
        <v>91.07</v>
      </c>
      <c r="DG7" s="24">
        <v>90.67</v>
      </c>
      <c r="DH7" s="24">
        <v>95.82</v>
      </c>
      <c r="DI7" s="24"/>
      <c r="DJ7" s="24"/>
      <c r="DK7" s="24"/>
      <c r="DL7" s="24"/>
      <c r="DM7" s="24"/>
      <c r="DN7" s="24"/>
      <c r="DO7" s="24"/>
      <c r="DP7" s="24"/>
      <c r="DQ7" s="24"/>
      <c r="DR7" s="24"/>
      <c r="DS7" s="24"/>
      <c r="DT7" s="24"/>
      <c r="DU7" s="24"/>
      <c r="DV7" s="24"/>
      <c r="DW7" s="24"/>
      <c r="DX7" s="24"/>
      <c r="DY7" s="24"/>
      <c r="DZ7" s="24"/>
      <c r="EA7" s="24"/>
      <c r="EB7" s="24"/>
      <c r="EC7" s="24"/>
      <c r="ED7" s="24"/>
      <c r="EE7" s="24">
        <v>0.04</v>
      </c>
      <c r="EF7" s="24">
        <v>0</v>
      </c>
      <c r="EG7" s="24">
        <v>0</v>
      </c>
      <c r="EH7" s="24">
        <v>0</v>
      </c>
      <c r="EI7" s="24">
        <v>0</v>
      </c>
      <c r="EJ7" s="24">
        <v>0.13</v>
      </c>
      <c r="EK7" s="24">
        <v>0.17</v>
      </c>
      <c r="EL7" s="24">
        <v>0.15</v>
      </c>
      <c r="EM7" s="24">
        <v>0.15</v>
      </c>
      <c r="EN7" s="24">
        <v>0.12</v>
      </c>
      <c r="EO7" s="24">
        <v>0.23</v>
      </c>
    </row>
    <row r="8" spans="1:145"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row>
    <row r="9" spans="1:145" x14ac:dyDescent="0.2">
      <c r="A9" s="26"/>
      <c r="B9" s="26" t="s">
        <v>106</v>
      </c>
      <c r="C9" s="26" t="s">
        <v>107</v>
      </c>
      <c r="D9" s="26" t="s">
        <v>108</v>
      </c>
      <c r="E9" s="26" t="s">
        <v>109</v>
      </c>
      <c r="F9" s="26" t="s">
        <v>110</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5" x14ac:dyDescent="0.2">
      <c r="A10" s="26" t="s">
        <v>48</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5" x14ac:dyDescent="0.2">
      <c r="B11">
        <v>4</v>
      </c>
      <c r="C11">
        <v>3</v>
      </c>
      <c r="D11">
        <v>2</v>
      </c>
      <c r="E11">
        <v>1</v>
      </c>
      <c r="F11">
        <v>0</v>
      </c>
      <c r="G11" t="s">
        <v>111</v>
      </c>
    </row>
    <row r="12" spans="1:145" x14ac:dyDescent="0.2">
      <c r="B12">
        <v>1</v>
      </c>
      <c r="C12">
        <v>1</v>
      </c>
      <c r="D12">
        <v>2</v>
      </c>
      <c r="E12">
        <v>3</v>
      </c>
      <c r="F12">
        <v>4</v>
      </c>
      <c r="G12" t="s">
        <v>112</v>
      </c>
    </row>
    <row r="13" spans="1:145" x14ac:dyDescent="0.2">
      <c r="B13" t="s">
        <v>113</v>
      </c>
      <c r="C13" t="s">
        <v>114</v>
      </c>
      <c r="D13" t="s">
        <v>114</v>
      </c>
      <c r="E13" t="s">
        <v>115</v>
      </c>
      <c r="F13" t="s">
        <v>116</v>
      </c>
      <c r="G13" t="s">
        <v>117</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29T07:24:09Z</cp:lastPrinted>
  <dcterms:created xsi:type="dcterms:W3CDTF">2023-12-12T02:46:56Z</dcterms:created>
  <dcterms:modified xsi:type="dcterms:W3CDTF">2024-03-01T06:04:13Z</dcterms:modified>
  <cp:category/>
</cp:coreProperties>
</file>